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301915013\Downloads\"/>
    </mc:Choice>
  </mc:AlternateContent>
  <bookViews>
    <workbookView xWindow="0" yWindow="0" windowWidth="19200" windowHeight="6360" tabRatio="897" firstSheet="26" activeTab="29"/>
  </bookViews>
  <sheets>
    <sheet name="סכום נכסי הקרן" sheetId="1" r:id="rId1"/>
    <sheet name="מזומנים" sheetId="2" r:id="rId2"/>
    <sheet name="תעודות התחייבות ממשלתיות" sheetId="3" r:id="rId3"/>
    <sheet name="תעודות חוב מסחריות" sheetId="4" r:id="rId4"/>
    <sheet name="אג&quot;ח קונצרני" sheetId="5" r:id="rId5"/>
    <sheet name="מניות" sheetId="6" r:id="rId6"/>
    <sheet name="קרנות סל" sheetId="7" r:id="rId7"/>
    <sheet name="קרנות נאמנות" sheetId="8" r:id="rId8"/>
    <sheet name="כתבי אופציה" sheetId="9" r:id="rId9"/>
    <sheet name="אופציות" sheetId="10" r:id="rId10"/>
    <sheet name="חוזים עתידיים" sheetId="11" r:id="rId11"/>
    <sheet name="מוצרים מובנים" sheetId="12" r:id="rId12"/>
    <sheet name="לא סחיר - תעודות התחייבות ממשלת" sheetId="13" r:id="rId13"/>
    <sheet name="לא סחיר - תעודות חוב מסחריות" sheetId="14" r:id="rId14"/>
    <sheet name="לא סחיר - אג&quot;ח קונצרני" sheetId="15" r:id="rId15"/>
    <sheet name="לא סחיר - מניות" sheetId="16" r:id="rId16"/>
    <sheet name="לא סחיר - קרנות השקעה" sheetId="17" r:id="rId17"/>
    <sheet name="לא סחיר - כתבי אופציה" sheetId="18" r:id="rId18"/>
    <sheet name="לא סחיר - אופציות" sheetId="19" r:id="rId19"/>
    <sheet name="לא סחיר - חוזים עתידיים" sheetId="20" r:id="rId20"/>
    <sheet name="לא סחיר - מוצרים מובנים" sheetId="21" r:id="rId21"/>
    <sheet name="הלוואות" sheetId="22" r:id="rId22"/>
    <sheet name="פקדונות מעל 3 חודשים" sheetId="23" r:id="rId23"/>
    <sheet name="זכויות מקרקעין" sheetId="24" r:id="rId24"/>
    <sheet name="השקעה בחברות מוחזקות" sheetId="25" r:id="rId25"/>
    <sheet name="השקעות אחרות" sheetId="26" r:id="rId26"/>
    <sheet name="יתרת התחייבות להשקעה" sheetId="27" r:id="rId27"/>
    <sheet name="עלות מתואמת אג&quot;ח קונצרני סחיר" sheetId="28" r:id="rId28"/>
    <sheet name="עלות מתואמת אג&quot;ח קונצרני ל.סחיר" sheetId="29" r:id="rId29"/>
    <sheet name="עלות מתואמת מסגרות אשראי ללווים" sheetId="30" r:id="rId30"/>
  </sheets>
  <calcPr calcId="0"/>
</workbook>
</file>

<file path=xl/sharedStrings.xml><?xml version="1.0" encoding="utf-8"?>
<sst xmlns="http://schemas.openxmlformats.org/spreadsheetml/2006/main" count="6511" uniqueCount="385">
  <si>
    <t>תאריך הדיווח</t>
  </si>
  <si>
    <t>31/03/2021</t>
  </si>
  <si>
    <t>החברה המדווחת</t>
  </si>
  <si>
    <t>אל על</t>
  </si>
  <si>
    <t>שם מסלול/קרן/קופה</t>
  </si>
  <si>
    <t>אל על מסלול אג"ח</t>
  </si>
  <si>
    <t>מספר מסלול/קרן/קופה</t>
  </si>
  <si>
    <t/>
  </si>
  <si>
    <t>סכום נכסי ההשקעה:</t>
  </si>
  <si>
    <t>שווי הוגן</t>
  </si>
  <si>
    <t>שעור מנכסי השקעה*</t>
  </si>
  <si>
    <t>אלפי ש"ח</t>
  </si>
  <si>
    <t>אחוזים</t>
  </si>
  <si>
    <t>(1)</t>
  </si>
  <si>
    <t>(2)</t>
  </si>
  <si>
    <t>.1 נכסים המוצגים לפי שווי הוגן</t>
  </si>
  <si>
    <t>א. מזומנים</t>
  </si>
  <si>
    <t>ב. ניירות ערך סחירים:</t>
  </si>
  <si>
    <t>(1) תעודות התחייבות ממשלתיות</t>
  </si>
  <si>
    <t>(2) תעודות חוב מסחריות</t>
  </si>
  <si>
    <t>(3) אג''ח קונצרני</t>
  </si>
  <si>
    <t>(4) מניות</t>
  </si>
  <si>
    <t>(5) קרנות סל</t>
  </si>
  <si>
    <t>(6) תעודות השתתפות בקרנות נאמנות</t>
  </si>
  <si>
    <t>(7) כתבי אופציה</t>
  </si>
  <si>
    <t>(8) אופציות</t>
  </si>
  <si>
    <t>(9) חוזים עתידיים</t>
  </si>
  <si>
    <t>(10) מוצרים מובנים</t>
  </si>
  <si>
    <t>ג. ניירות ערך לא סחירים:</t>
  </si>
  <si>
    <t>(5) קרנות השקעה</t>
  </si>
  <si>
    <t>(6) כתבי אופציה</t>
  </si>
  <si>
    <t>(7) אופציות</t>
  </si>
  <si>
    <t>(8) חוזים עתידיים</t>
  </si>
  <si>
    <t>(9) מוצרים מובנים</t>
  </si>
  <si>
    <t>ד. הלוואות</t>
  </si>
  <si>
    <t>ה. פקדונות מעל 3 חודשים</t>
  </si>
  <si>
    <t>ו. זכויות מקרקעין</t>
  </si>
  <si>
    <t>ז. השקעה בחברות מוחזקות</t>
  </si>
  <si>
    <t>ח. השקעות אחרות</t>
  </si>
  <si>
    <t>.2 נכסים המוצגים לפי עלות מתואמת</t>
  </si>
  <si>
    <t xml:space="preserve">א. אג"ח קונצרני סחיר </t>
  </si>
  <si>
    <t>ב. אג"ח קונצרני לא סחיר</t>
  </si>
  <si>
    <t>ג. מסגרות אשראי מנוצלות ללווים</t>
  </si>
  <si>
    <t>סה''כ סכום נכסי המסלול או הקרן</t>
  </si>
  <si>
    <t>ט. יתרות התחייבות להשקעה:</t>
  </si>
  <si>
    <t>* בהתאם לשיטה שיושמה בדוח הכספי</t>
  </si>
  <si>
    <t>שם מטבע</t>
  </si>
  <si>
    <t>שע"ח</t>
  </si>
  <si>
    <t>דולר אמריקאי</t>
  </si>
  <si>
    <t xml:space="preserve">3.334 </t>
  </si>
  <si>
    <t>אירו</t>
  </si>
  <si>
    <t xml:space="preserve">3.9127 </t>
  </si>
  <si>
    <t>09:58:45</t>
  </si>
  <si>
    <t>2021-04-27</t>
  </si>
  <si>
    <t>1. א. מזומנים ושווי מזומנים</t>
  </si>
  <si>
    <t>שם המנפיק/שם נייר ערך</t>
  </si>
  <si>
    <t>מספר ני"ע</t>
  </si>
  <si>
    <t>מספר מנפיק</t>
  </si>
  <si>
    <t>דירוג</t>
  </si>
  <si>
    <t>שם מדרג</t>
  </si>
  <si>
    <t>סוג מטבע</t>
  </si>
  <si>
    <t>שיעור ריבית</t>
  </si>
  <si>
    <t>תשואה לפידיון</t>
  </si>
  <si>
    <t>שווי שוק</t>
  </si>
  <si>
    <t>שעור מנכסי אפיק ההשקעה</t>
  </si>
  <si>
    <t>שעור מסך נכסי השקעה</t>
  </si>
  <si>
    <t>(3)</t>
  </si>
  <si>
    <t>(4)</t>
  </si>
  <si>
    <t>(5)</t>
  </si>
  <si>
    <t>(6)</t>
  </si>
  <si>
    <t>(7)</t>
  </si>
  <si>
    <t>(8)</t>
  </si>
  <si>
    <t>(9)</t>
  </si>
  <si>
    <t>(10)</t>
  </si>
  <si>
    <t>סה"כ מזומנים ושווי מזומנים</t>
  </si>
  <si>
    <t>:סה"כ בישראל</t>
  </si>
  <si>
    <t>יתרות מזומנים ועו"ש בש"ח</t>
  </si>
  <si>
    <t>סכומים לקבל תנועות בזמן T</t>
  </si>
  <si>
    <t xml:space="preserve">12 </t>
  </si>
  <si>
    <t>ilAA+</t>
  </si>
  <si>
    <t>מעלות S&amp;P</t>
  </si>
  <si>
    <t>שקל חדש</t>
  </si>
  <si>
    <t>יתרות מזומנים ועו"ש נקובים במט"ח</t>
  </si>
  <si>
    <t>פח"ק פר"י</t>
  </si>
  <si>
    <t>פק"מ לתקופה של עד שלושה חודשים</t>
  </si>
  <si>
    <t>פקדון צמוד מדד עד שלושה חודשים</t>
  </si>
  <si>
    <t>פקדון צמוד מט"ח עד שלושה חודשים (פצ"מ)</t>
  </si>
  <si>
    <t>פקדונות במט"ח עד שלושה חודשים</t>
  </si>
  <si>
    <t>:סה"כ בחו"ל</t>
  </si>
  <si>
    <t xml:space="preserve">יתרות מזומנים ועו"ש נקובים במט"ח </t>
  </si>
  <si>
    <t>* בעל ענין/צד קשור</t>
  </si>
  <si>
    <t>1. ב. ניירות ערך סחירים</t>
  </si>
  <si>
    <t>1. תעודות התחייבות ממשלתיות</t>
  </si>
  <si>
    <t>זירת מסחר</t>
  </si>
  <si>
    <t>תאריך רכישה</t>
  </si>
  <si>
    <t>מח"מ</t>
  </si>
  <si>
    <t>ערך נקוב</t>
  </si>
  <si>
    <t>שער</t>
  </si>
  <si>
    <t>פדיון/ריבית לקבל</t>
  </si>
  <si>
    <t>שעור מערך נקוב מונפק</t>
  </si>
  <si>
    <t>שעור מסך נכסי השקעה**</t>
  </si>
  <si>
    <t>שנים</t>
  </si>
  <si>
    <t>ש"ח</t>
  </si>
  <si>
    <t>אגורות</t>
  </si>
  <si>
    <t>(11)</t>
  </si>
  <si>
    <t>(12)</t>
  </si>
  <si>
    <t>(13)</t>
  </si>
  <si>
    <t>(14)</t>
  </si>
  <si>
    <t>(15)</t>
  </si>
  <si>
    <t>(16)</t>
  </si>
  <si>
    <t>סה"כ תעודות התחייבות ממשלתיות</t>
  </si>
  <si>
    <t>סה"כ צמודות מדד</t>
  </si>
  <si>
    <t>ממשל צמודה 0527</t>
  </si>
  <si>
    <t>TASE</t>
  </si>
  <si>
    <t>RF</t>
  </si>
  <si>
    <t>ללא דירוג</t>
  </si>
  <si>
    <t>ממשל צמודה 841</t>
  </si>
  <si>
    <t>ממשל צמודה 0922</t>
  </si>
  <si>
    <t>ממשל צמודה 0923</t>
  </si>
  <si>
    <t>גליל 5904</t>
  </si>
  <si>
    <t>ממשל צמודה 0536</t>
  </si>
  <si>
    <t>סה"כ לא צמודות</t>
  </si>
  <si>
    <t>ממשל שקלית 0327</t>
  </si>
  <si>
    <t>ממשל שקלית 0928</t>
  </si>
  <si>
    <t>ממשל שקלית 0347</t>
  </si>
  <si>
    <t>ממשל שקלית 0324</t>
  </si>
  <si>
    <t>סה"כ צמודות לדולר</t>
  </si>
  <si>
    <t>סה"כ אג"ח של ממשלת ישראל שהונפקו בחו"ל</t>
  </si>
  <si>
    <t>סה"כ אג"ח  שהנפיקו ממשלות זרות בחו"ל</t>
  </si>
  <si>
    <t>** בהתאם לשיטה שיושמה בדוח הכספי</t>
  </si>
  <si>
    <t>2. תעודות חוב מסחריות</t>
  </si>
  <si>
    <t>ספק המידע</t>
  </si>
  <si>
    <t>ענף מסחר</t>
  </si>
  <si>
    <t>(17)</t>
  </si>
  <si>
    <t>(18)</t>
  </si>
  <si>
    <t>(19)</t>
  </si>
  <si>
    <t>סה"כ תעודות חוב מסחריות</t>
  </si>
  <si>
    <t>סה"כ צמודות</t>
  </si>
  <si>
    <t>סה"כ צמודות למט"ח</t>
  </si>
  <si>
    <t>סה"כ חברות זרות בחו"ל</t>
  </si>
  <si>
    <t>סה"כ חברות ישראליות בחו"ל</t>
  </si>
  <si>
    <t>סה"כ בחו"ל</t>
  </si>
  <si>
    <t>3. אג"ח קונצרני</t>
  </si>
  <si>
    <t>תאריך</t>
  </si>
  <si>
    <t>יחידות</t>
  </si>
  <si>
    <t>סה"כ אגרות חוב קונצרניות</t>
  </si>
  <si>
    <t>פועלים הנ אגח36</t>
  </si>
  <si>
    <t>בנקים</t>
  </si>
  <si>
    <t>ilAAA</t>
  </si>
  <si>
    <t>חשמל אגח 29</t>
  </si>
  <si>
    <t>אנרגיה</t>
  </si>
  <si>
    <t>נמלי ישראל אגחא</t>
  </si>
  <si>
    <t>נדל"ן מניב בישראל</t>
  </si>
  <si>
    <t>Aa1.il</t>
  </si>
  <si>
    <t>מידרוג</t>
  </si>
  <si>
    <t>ארפורט אגח ה</t>
  </si>
  <si>
    <t>ilAA</t>
  </si>
  <si>
    <t>אמות אגח ד</t>
  </si>
  <si>
    <t>גב ים אגח ט</t>
  </si>
  <si>
    <t>בזק אגח 10</t>
  </si>
  <si>
    <t>תקשורת ומדיה</t>
  </si>
  <si>
    <t>ilAA-</t>
  </si>
  <si>
    <t>ישרס אגח יג</t>
  </si>
  <si>
    <t>מליסרון אגח יא</t>
  </si>
  <si>
    <t>מליסרון אגח יז</t>
  </si>
  <si>
    <t>פז נפט אגח ו</t>
  </si>
  <si>
    <t>גירון אגח ו</t>
  </si>
  <si>
    <t>A1.il</t>
  </si>
  <si>
    <t>מיטב דש אגח ג</t>
  </si>
  <si>
    <t>שרותים פיננסיים</t>
  </si>
  <si>
    <t>רבוע נדלן אגח ה</t>
  </si>
  <si>
    <t>ilA+</t>
  </si>
  <si>
    <t>דיסק מנ אגח יג</t>
  </si>
  <si>
    <t>מזרחי טפחות הנפקות 40</t>
  </si>
  <si>
    <t>עמידר אגח א</t>
  </si>
  <si>
    <t>חברת חשמל אגח 26</t>
  </si>
  <si>
    <t>ישראכרט אגח א</t>
  </si>
  <si>
    <t>Aa2.il</t>
  </si>
  <si>
    <t>כיל אגח ה</t>
  </si>
  <si>
    <t>כימיה גומי ופלסטיק</t>
  </si>
  <si>
    <t>טאואר אגח ז</t>
  </si>
  <si>
    <t>מוליכים למחצה</t>
  </si>
  <si>
    <t>פורמולה אגח ג</t>
  </si>
  <si>
    <t>שרותי מידע</t>
  </si>
  <si>
    <t>אלקטרה אגח ד</t>
  </si>
  <si>
    <t>השקעה ואחזקות</t>
  </si>
  <si>
    <t>פרטנר אגח ו</t>
  </si>
  <si>
    <t>פרטנר אגח ז</t>
  </si>
  <si>
    <t>קלינטק</t>
  </si>
  <si>
    <t>ilA</t>
  </si>
  <si>
    <t>סלקום אגח ט</t>
  </si>
  <si>
    <t>שכון ובי אגח 7</t>
  </si>
  <si>
    <t>בנייה</t>
  </si>
  <si>
    <t>אנלייט אנר אגחו</t>
  </si>
  <si>
    <t>A3.il</t>
  </si>
  <si>
    <t>סה"כ צמודות למדד אחר</t>
  </si>
  <si>
    <t>ENELIM 4 5/8 09/14/25</t>
  </si>
  <si>
    <t xml:space="preserve">USN30707AK49 </t>
  </si>
  <si>
    <t>אחר</t>
  </si>
  <si>
    <t>בלומברג</t>
  </si>
  <si>
    <t>Energy</t>
  </si>
  <si>
    <t>Baa1</t>
  </si>
  <si>
    <t>MOODYS</t>
  </si>
  <si>
    <t>UBS 5 1/8 05/15/24</t>
  </si>
  <si>
    <t xml:space="preserve">CH0244100266 </t>
  </si>
  <si>
    <t>SIX</t>
  </si>
  <si>
    <t>Banks</t>
  </si>
  <si>
    <t>BBB+</t>
  </si>
  <si>
    <t>S&amp;P</t>
  </si>
  <si>
    <t>MTNA 4.55 03/11/26</t>
  </si>
  <si>
    <t xml:space="preserve">US03938LBA17 </t>
  </si>
  <si>
    <t>Materials</t>
  </si>
  <si>
    <t>Ba1</t>
  </si>
  <si>
    <t>.4 מניות</t>
  </si>
  <si>
    <t>דיבידנד לקבל</t>
  </si>
  <si>
    <t>סה"כ מניות</t>
  </si>
  <si>
    <t xml:space="preserve">סה"כ תל אביב 35 </t>
  </si>
  <si>
    <t>מבני תעשיה בע"מ מ"ר 1 ש"ח</t>
  </si>
  <si>
    <t>סה"כ תל אביב 90</t>
  </si>
  <si>
    <t>ישראכרט</t>
  </si>
  <si>
    <t>סה"כ מניות היתר</t>
  </si>
  <si>
    <t>סה"כ אופציות Call 001</t>
  </si>
  <si>
    <t>LONG</t>
  </si>
  <si>
    <t>SHORT</t>
  </si>
  <si>
    <t>.5  קרנות סל</t>
  </si>
  <si>
    <t>סה"כ קרנות סל</t>
  </si>
  <si>
    <t>סה"כ שעוקבות אחר מדדי מניות בישראל</t>
  </si>
  <si>
    <t>סה"כ שעוקבות אחר מדדי מניות בחו"ל</t>
  </si>
  <si>
    <t>סה"כ שעוקבות אחר מדדים אחרים בישראל</t>
  </si>
  <si>
    <t>הרל.תל בונד שקלי</t>
  </si>
  <si>
    <t>אג"ח</t>
  </si>
  <si>
    <t>) תל בונד צמודות-בנקים00) יETF פסגות</t>
  </si>
  <si>
    <t>) תל בונד 6000) יETF קסם</t>
  </si>
  <si>
    <t>) תל בונד צמודות-בנקים00) יETF קסם</t>
  </si>
  <si>
    <t>סה"כ שעוקבות אחר מדדים אחרים בחו"ל</t>
  </si>
  <si>
    <t>סה"כ אחר</t>
  </si>
  <si>
    <t>סה"כ Short</t>
  </si>
  <si>
    <t xml:space="preserve">סה"כ שעוקבות אחר מדדי מניות </t>
  </si>
  <si>
    <t>סה"כ שעוקבות אחר מדדים אחרים</t>
  </si>
  <si>
    <t>ISHARES $ HIGH YIELD CORPORATE</t>
  </si>
  <si>
    <t xml:space="preserve">IE00B4PY7Y77 </t>
  </si>
  <si>
    <t>LSE</t>
  </si>
  <si>
    <t xml:space="preserve">סה"כ אחר </t>
  </si>
  <si>
    <t>.6 קרנות נאמנות</t>
  </si>
  <si>
    <t>סה"כ תעודות השתתפות בקרנות נאמנות</t>
  </si>
  <si>
    <t>סה"כ אג"ח קונצרני</t>
  </si>
  <si>
    <t>סה"כ אג"ח ממשלתי</t>
  </si>
  <si>
    <t>CIFC SENIOR SEC CORP CLASS A</t>
  </si>
  <si>
    <t xml:space="preserve">KYG213931143 </t>
  </si>
  <si>
    <t>Other</t>
  </si>
  <si>
    <t>B+</t>
  </si>
  <si>
    <t>.7 כתבי אופציה</t>
  </si>
  <si>
    <t>סה"כ כתבי אופציה</t>
  </si>
  <si>
    <t>סה"כ בישראל</t>
  </si>
  <si>
    <t>כתבי אופציה בישראל</t>
  </si>
  <si>
    <t>כתבי אופציה בחו"ל</t>
  </si>
  <si>
    <t>.8 אופציות</t>
  </si>
  <si>
    <t>סה"כ אופציות</t>
  </si>
  <si>
    <t>סה"כ מדדים כולל מניות</t>
  </si>
  <si>
    <t>סה"כ מט"ח</t>
  </si>
  <si>
    <t>סה"כ ריבית</t>
  </si>
  <si>
    <t>סה"כ מטבע</t>
  </si>
  <si>
    <t>סה"כ סחורות</t>
  </si>
  <si>
    <t>.9 חוזים עתידיים</t>
  </si>
  <si>
    <t>סה"כ חוזים עתידיים</t>
  </si>
  <si>
    <t>.10 מוצרים מובנים</t>
  </si>
  <si>
    <t>נכס הבסיס</t>
  </si>
  <si>
    <t xml:space="preserve">סה"כ מוצרים מובנים </t>
  </si>
  <si>
    <t>סה"כ קרן מובטחת</t>
  </si>
  <si>
    <t>סה"כ קרן לא מובטחת</t>
  </si>
  <si>
    <t>סה"כ מוצרים מאוגחים</t>
  </si>
  <si>
    <t xml:space="preserve">סה"כ מוצרים מאוגחים </t>
  </si>
  <si>
    <t>1. ג. ניירות ערך לא סחירים</t>
  </si>
  <si>
    <t>.1 תעודות התחייבות ממשלתיות</t>
  </si>
  <si>
    <t>סה"כ אג"ח לא סחיר שהנפיקו ממשלות זרות בחו"ל</t>
  </si>
  <si>
    <t>.2 תעודות חוב מסחריות</t>
  </si>
  <si>
    <t>סה"כ צמוד מדד</t>
  </si>
  <si>
    <t>סה"כ לא צמוד</t>
  </si>
  <si>
    <t>סה"כ תעודות חוב מסחריות של חברות ישראליות</t>
  </si>
  <si>
    <t>סה"כ תעודות חוב מסחריות של חברות זרות</t>
  </si>
  <si>
    <t>.3 אג"ח קונצרני</t>
  </si>
  <si>
    <t>רפאל אגח ד-רמ</t>
  </si>
  <si>
    <t>חשמל</t>
  </si>
  <si>
    <t>Aaa.il</t>
  </si>
  <si>
    <t>03/10/2018</t>
  </si>
  <si>
    <t>סה"כ אג"ח קונצרני של חברות ישראליות</t>
  </si>
  <si>
    <t>סה"כ אג"ח קונצרני של חברות זרות</t>
  </si>
  <si>
    <t>.5 קרנות השקעה</t>
  </si>
  <si>
    <t>סה"כ קרנות השקעה</t>
  </si>
  <si>
    <t>:סה"כ קרנות השקעה בישראל</t>
  </si>
  <si>
    <t>סה"כ קרנות הון סיכון</t>
  </si>
  <si>
    <t>סה"כ קרנות גידור</t>
  </si>
  <si>
    <t>CPA YODELEVICH TRUST</t>
  </si>
  <si>
    <t>30/12/2018</t>
  </si>
  <si>
    <t>19/11/2018</t>
  </si>
  <si>
    <t>קרן התחדשות עירונית הלמן אלדובי</t>
  </si>
  <si>
    <t>22/12/2019</t>
  </si>
  <si>
    <t>סה"כ קרנות נדל"ן</t>
  </si>
  <si>
    <t>סה"כ קרנות השקעה אחרות</t>
  </si>
  <si>
    <t>:סה"כ קרנות השקעה בחו"ל</t>
  </si>
  <si>
    <t>COLCHIS INCOME FUND</t>
  </si>
  <si>
    <t>05/03/2019</t>
  </si>
  <si>
    <t>25/01/2019</t>
  </si>
  <si>
    <t>הלמן אלדובי השתתפות רגילה</t>
  </si>
  <si>
    <t>31/03/2019</t>
  </si>
  <si>
    <t>.6 כתבי אופציה</t>
  </si>
  <si>
    <t>:סה"כ כתבי אופציה בישראל</t>
  </si>
  <si>
    <t>:סה"כ כתבי אופציה בחו"ל</t>
  </si>
  <si>
    <t>.7 אופציות</t>
  </si>
  <si>
    <t>:סה"כ אופציות בישראל</t>
  </si>
  <si>
    <t>ש"ח / מט"ח</t>
  </si>
  <si>
    <t>סה"כ מט"ח/ מט"ח</t>
  </si>
  <si>
    <t>:סה"כ אופציות בחו"ל</t>
  </si>
  <si>
    <t>.8 חוזים עתידיים</t>
  </si>
  <si>
    <t>:סה"כ חוזים עתידיים בישראל</t>
  </si>
  <si>
    <t>EUR/ILS FW 3.959100 23/04/21</t>
  </si>
  <si>
    <t>ל.ר</t>
  </si>
  <si>
    <t>27/01/2021</t>
  </si>
  <si>
    <t>:סה"כ חוזים עתידיים בחו"ל</t>
  </si>
  <si>
    <t>09:58:46</t>
  </si>
  <si>
    <t>.9 מוצרים מובנים</t>
  </si>
  <si>
    <t>סה"כ מוצרים מובנים</t>
  </si>
  <si>
    <t>1. ד. הלוואות</t>
  </si>
  <si>
    <t>קונסורציום כן/לא</t>
  </si>
  <si>
    <t>שיעור ריבית ממוצע</t>
  </si>
  <si>
    <t>סה"כ הלוואות</t>
  </si>
  <si>
    <t>סה"כ הלוואות בישראל</t>
  </si>
  <si>
    <t>סה"כ כנגד חסכון עמיתים/מבוטחים</t>
  </si>
  <si>
    <t>סה"כ מובטחות במשכנתא או תיקי משכנתאות</t>
  </si>
  <si>
    <t>סה"כ מובטחות בערבות בנקאית</t>
  </si>
  <si>
    <t>סה"כ מובטחות בבטחונות אחרים</t>
  </si>
  <si>
    <t>סה"כ מובטחות בשעבוד כלי רכב</t>
  </si>
  <si>
    <t>סה"כ הלוואות לסוכנים</t>
  </si>
  <si>
    <t>מובטחות בתזרים עמלות</t>
  </si>
  <si>
    <t xml:space="preserve">בטחונות אחרים </t>
  </si>
  <si>
    <t>סה"כ הלוואות לעובדים ונושאי משרה</t>
  </si>
  <si>
    <t>סה"כ לא מובטחות</t>
  </si>
  <si>
    <t>סה"כ הלוואות בחו"ל</t>
  </si>
  <si>
    <t>1.ה. פקדונות מעל 3 חודשים:</t>
  </si>
  <si>
    <t>תנאי ושיעור ריבית</t>
  </si>
  <si>
    <t xml:space="preserve">סה"כ פקדונות מעל 3 חודשים </t>
  </si>
  <si>
    <t>סה"כ צמוד למדד</t>
  </si>
  <si>
    <t>סה"כ נקוב במט"ח</t>
  </si>
  <si>
    <t>סה"כ צמוד למט"ח</t>
  </si>
  <si>
    <t>1.ו. זכויות במקרקעין</t>
  </si>
  <si>
    <t>תאריך שערוך אחרון</t>
  </si>
  <si>
    <t>אופי הנכס</t>
  </si>
  <si>
    <t>שעור תשואה במהלך התקופה</t>
  </si>
  <si>
    <t>שווי משוערך</t>
  </si>
  <si>
    <t>כתובת הנכס</t>
  </si>
  <si>
    <t>סה"כ מקרקעין</t>
  </si>
  <si>
    <t>:סה"כ מקרקעין בישראל</t>
  </si>
  <si>
    <t>סה"כ מניב</t>
  </si>
  <si>
    <t>סה"כ לא מניב</t>
  </si>
  <si>
    <t>:סה"כ מקרקעין בחו"ל</t>
  </si>
  <si>
    <t xml:space="preserve"> 1.ז. השקעה בחברות מוחזקות</t>
  </si>
  <si>
    <t>שם המדרג</t>
  </si>
  <si>
    <t>שיעור הריבית</t>
  </si>
  <si>
    <t>תשואה לפדיון</t>
  </si>
  <si>
    <t>סה"כ השקעה בחברות מוחזקות</t>
  </si>
  <si>
    <t>סה"כ השקעות אחרות</t>
  </si>
  <si>
    <t xml:space="preserve"> 1.ט. יתרות התחייבות להשקעה</t>
  </si>
  <si>
    <t>סכום ההתחייבות</t>
  </si>
  <si>
    <t>תאריך סיום ההתחייבות</t>
  </si>
  <si>
    <t>סה'כ יתרות התחייבות להשקעה</t>
  </si>
  <si>
    <t xml:space="preserve"> * בעל ענין / צד קשור </t>
  </si>
  <si>
    <t>2.א. אג"ח קונצרי סחיר</t>
  </si>
  <si>
    <t>ריבית אפקטיבית</t>
  </si>
  <si>
    <t>עלות מתואמת</t>
  </si>
  <si>
    <t xml:space="preserve">אחוזים </t>
  </si>
  <si>
    <t>סה"כ אג"ח קונצרני סחיר</t>
  </si>
  <si>
    <t>סה"כ בחו"ל:</t>
  </si>
  <si>
    <t>2. ב. אג"ח קונצרני לא סחיר</t>
  </si>
  <si>
    <t>סה"כ אג"ח קונצרני לא סחיר</t>
  </si>
  <si>
    <t>בישראל</t>
  </si>
  <si>
    <t>2. ג. מסגרות אשראי מנוצלות ללווים</t>
  </si>
  <si>
    <t>סה"כ מסגרת אשראי מנוצלות ללווים</t>
  </si>
  <si>
    <t xml:space="preserve">סה"כ חברות זרות בחו"ל </t>
  </si>
  <si>
    <t>בנק הפועלים - דולר אמריקאי</t>
  </si>
  <si>
    <t>בנק הפועלים - אירו</t>
  </si>
  <si>
    <t>בנק הפועלים - שקל חדש</t>
  </si>
  <si>
    <t>אנרג'יקס אגח א</t>
  </si>
  <si>
    <t>IBI CONSUMER CR</t>
  </si>
  <si>
    <t xml:space="preserve"> SBL קרן גידור איביאי</t>
  </si>
  <si>
    <t xml:space="preserve">מספר מסלול/קרן/קופה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%"/>
  </numFmts>
  <fonts count="19" x14ac:knownFonts="1">
    <font>
      <sz val="11"/>
      <color indexed="8"/>
      <name val="Arial"/>
      <family val="2"/>
      <scheme val="minor"/>
    </font>
    <font>
      <b/>
      <sz val="8"/>
      <name val="TAHOMA"/>
    </font>
    <font>
      <b/>
      <sz val="8"/>
      <name val="TAHOMA"/>
    </font>
    <font>
      <b/>
      <sz val="8"/>
      <name val="TAHOMA"/>
    </font>
    <font>
      <b/>
      <sz val="8"/>
      <name val="TAHOMA"/>
    </font>
    <font>
      <b/>
      <sz val="8"/>
      <name val="TAHOMA"/>
    </font>
    <font>
      <b/>
      <sz val="8"/>
      <name val="TAHOMA"/>
    </font>
    <font>
      <b/>
      <sz val="10"/>
      <name val="TAHOMA"/>
    </font>
    <font>
      <b/>
      <sz val="8"/>
      <name val="TAHOMA"/>
    </font>
    <font>
      <b/>
      <sz val="8"/>
      <name val="TAHOMA"/>
    </font>
    <font>
      <b/>
      <sz val="8"/>
      <name val="TAHOMA"/>
    </font>
    <font>
      <b/>
      <sz val="8"/>
      <name val="TAHOMA"/>
    </font>
    <font>
      <b/>
      <sz val="8"/>
      <name val="TAHOMA"/>
    </font>
    <font>
      <sz val="8"/>
      <name val="TAHOMA"/>
    </font>
    <font>
      <sz val="8"/>
      <name val="TAHOMA"/>
    </font>
    <font>
      <sz val="8"/>
      <name val="TAHOMA"/>
    </font>
    <font>
      <sz val="8"/>
      <name val="TAHOMA"/>
    </font>
    <font>
      <sz val="8"/>
      <name val="TAHOMA"/>
    </font>
    <font>
      <b/>
      <sz val="8"/>
      <name val="TAHOMA"/>
    </font>
  </fonts>
  <fills count="7">
    <fill>
      <patternFill patternType="none"/>
    </fill>
    <fill>
      <patternFill patternType="gray125"/>
    </fill>
    <fill>
      <patternFill patternType="solid">
        <fgColor indexed="11"/>
      </patternFill>
    </fill>
    <fill>
      <patternFill patternType="solid">
        <fgColor indexed="40"/>
      </patternFill>
    </fill>
    <fill>
      <patternFill patternType="solid">
        <fgColor indexed="9"/>
      </patternFill>
    </fill>
    <fill>
      <patternFill patternType="solid">
        <fgColor indexed="43"/>
      </patternFill>
    </fill>
    <fill>
      <patternFill patternType="solid">
        <fgColor indexed="52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19">
    <xf numFmtId="0" fontId="0" fillId="0" borderId="0" xfId="0"/>
    <xf numFmtId="0" fontId="1" fillId="2" borderId="0" xfId="0" applyFont="1" applyFill="1" applyAlignment="1">
      <alignment horizontal="right" wrapText="1"/>
    </xf>
    <xf numFmtId="0" fontId="2" fillId="3" borderId="0" xfId="0" applyFont="1" applyFill="1" applyAlignment="1">
      <alignment horizontal="center" wrapText="1"/>
    </xf>
    <xf numFmtId="0" fontId="3" fillId="3" borderId="0" xfId="0" applyFont="1" applyFill="1" applyAlignment="1">
      <alignment horizontal="right" wrapText="1"/>
    </xf>
    <xf numFmtId="4" fontId="4" fillId="4" borderId="0" xfId="0" applyNumberFormat="1" applyFont="1" applyFill="1" applyAlignment="1">
      <alignment horizontal="right"/>
    </xf>
    <xf numFmtId="164" fontId="5" fillId="4" borderId="0" xfId="0" applyNumberFormat="1" applyFont="1" applyFill="1" applyAlignment="1">
      <alignment horizontal="right"/>
    </xf>
    <xf numFmtId="0" fontId="6" fillId="4" borderId="0" xfId="0" applyFont="1" applyFill="1" applyAlignment="1">
      <alignment horizontal="right" wrapText="1"/>
    </xf>
    <xf numFmtId="0" fontId="7" fillId="5" borderId="0" xfId="0" applyFont="1" applyFill="1" applyAlignment="1">
      <alignment horizontal="right"/>
    </xf>
    <xf numFmtId="0" fontId="8" fillId="6" borderId="0" xfId="0" applyFont="1" applyFill="1" applyAlignment="1">
      <alignment horizontal="right" wrapText="1"/>
    </xf>
    <xf numFmtId="164" fontId="9" fillId="6" borderId="0" xfId="0" applyNumberFormat="1" applyFont="1" applyFill="1" applyAlignment="1">
      <alignment horizontal="right"/>
    </xf>
    <xf numFmtId="4" fontId="10" fillId="6" borderId="0" xfId="0" applyNumberFormat="1" applyFont="1" applyFill="1" applyAlignment="1">
      <alignment horizontal="right"/>
    </xf>
    <xf numFmtId="164" fontId="11" fillId="3" borderId="0" xfId="0" applyNumberFormat="1" applyFont="1" applyFill="1" applyAlignment="1">
      <alignment horizontal="right"/>
    </xf>
    <xf numFmtId="4" fontId="12" fillId="3" borderId="0" xfId="0" applyNumberFormat="1" applyFont="1" applyFill="1" applyAlignment="1">
      <alignment horizontal="right"/>
    </xf>
    <xf numFmtId="0" fontId="13" fillId="4" borderId="1" xfId="0" applyFont="1" applyFill="1" applyBorder="1" applyAlignment="1" applyProtection="1">
      <alignment horizontal="right" wrapText="1"/>
      <protection locked="0"/>
    </xf>
    <xf numFmtId="1" fontId="14" fillId="4" borderId="1" xfId="0" applyNumberFormat="1" applyFont="1" applyFill="1" applyBorder="1" applyAlignment="1" applyProtection="1">
      <alignment horizontal="right"/>
      <protection locked="0"/>
    </xf>
    <xf numFmtId="164" fontId="15" fillId="4" borderId="1" xfId="0" applyNumberFormat="1" applyFont="1" applyFill="1" applyBorder="1" applyAlignment="1" applyProtection="1">
      <alignment horizontal="right"/>
      <protection locked="0"/>
    </xf>
    <xf numFmtId="4" fontId="16" fillId="4" borderId="1" xfId="0" applyNumberFormat="1" applyFont="1" applyFill="1" applyBorder="1" applyAlignment="1" applyProtection="1">
      <alignment horizontal="right"/>
      <protection locked="0"/>
    </xf>
    <xf numFmtId="164" fontId="17" fillId="3" borderId="0" xfId="0" applyNumberFormat="1" applyFont="1" applyFill="1" applyAlignment="1">
      <alignment horizontal="right"/>
    </xf>
    <xf numFmtId="0" fontId="18" fillId="2" borderId="0" xfId="0" applyFont="1" applyFill="1" applyAlignment="1">
      <alignment horizontal="right" wrapText="1" readingOrder="2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/Relationships>
</file>

<file path=xl/theme/theme1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50"/>
  <sheetViews>
    <sheetView rightToLeft="1" topLeftCell="A37" workbookViewId="0">
      <selection activeCell="B20" sqref="B20"/>
    </sheetView>
  </sheetViews>
  <sheetFormatPr defaultRowHeight="14.25" x14ac:dyDescent="0.2"/>
  <cols>
    <col min="1" max="1" width="2" customWidth="1"/>
    <col min="2" max="2" width="34" customWidth="1"/>
    <col min="3" max="3" width="14" customWidth="1"/>
    <col min="4" max="4" width="19" customWidth="1"/>
  </cols>
  <sheetData>
    <row r="1" spans="1:4" x14ac:dyDescent="0.2">
      <c r="B1" s="7" t="s">
        <v>0</v>
      </c>
      <c r="C1" s="7" t="s">
        <v>1</v>
      </c>
    </row>
    <row r="2" spans="1:4" x14ac:dyDescent="0.2">
      <c r="B2" s="7" t="s">
        <v>2</v>
      </c>
      <c r="C2" s="7" t="s">
        <v>3</v>
      </c>
    </row>
    <row r="3" spans="1:4" x14ac:dyDescent="0.2">
      <c r="B3" s="7" t="s">
        <v>4</v>
      </c>
      <c r="C3" s="7" t="s">
        <v>5</v>
      </c>
    </row>
    <row r="4" spans="1:4" x14ac:dyDescent="0.2">
      <c r="B4" s="7" t="s">
        <v>6</v>
      </c>
      <c r="C4" s="7">
        <v>1476</v>
      </c>
    </row>
    <row r="5" spans="1:4" x14ac:dyDescent="0.2">
      <c r="B5" s="7" t="s">
        <v>7</v>
      </c>
      <c r="C5" s="7" t="s">
        <v>7</v>
      </c>
    </row>
    <row r="6" spans="1:4" x14ac:dyDescent="0.2">
      <c r="A6" s="1" t="s">
        <v>7</v>
      </c>
      <c r="B6" s="1" t="s">
        <v>8</v>
      </c>
      <c r="C6" s="1" t="s">
        <v>7</v>
      </c>
      <c r="D6" s="1" t="s">
        <v>7</v>
      </c>
    </row>
    <row r="7" spans="1:4" x14ac:dyDescent="0.2">
      <c r="A7" s="2" t="s">
        <v>7</v>
      </c>
      <c r="B7" s="2" t="s">
        <v>7</v>
      </c>
      <c r="C7" s="2" t="s">
        <v>9</v>
      </c>
      <c r="D7" s="2" t="s">
        <v>10</v>
      </c>
    </row>
    <row r="8" spans="1:4" x14ac:dyDescent="0.2">
      <c r="A8" s="2" t="s">
        <v>7</v>
      </c>
      <c r="B8" s="2" t="s">
        <v>7</v>
      </c>
      <c r="C8" s="2" t="s">
        <v>11</v>
      </c>
      <c r="D8" s="2" t="s">
        <v>12</v>
      </c>
    </row>
    <row r="9" spans="1:4" x14ac:dyDescent="0.2">
      <c r="A9" s="2" t="s">
        <v>7</v>
      </c>
      <c r="B9" s="2" t="s">
        <v>7</v>
      </c>
      <c r="C9" s="2" t="s">
        <v>13</v>
      </c>
      <c r="D9" s="2" t="s">
        <v>14</v>
      </c>
    </row>
    <row r="10" spans="1:4" x14ac:dyDescent="0.2">
      <c r="A10" s="3" t="s">
        <v>7</v>
      </c>
      <c r="B10" s="3" t="s">
        <v>15</v>
      </c>
      <c r="C10" s="3" t="s">
        <v>7</v>
      </c>
      <c r="D10" s="3" t="s">
        <v>7</v>
      </c>
    </row>
    <row r="11" spans="1:4" x14ac:dyDescent="0.2">
      <c r="A11" s="3" t="s">
        <v>7</v>
      </c>
      <c r="B11" s="3" t="s">
        <v>16</v>
      </c>
      <c r="C11" s="4">
        <v>1650.82</v>
      </c>
      <c r="D11" s="5">
        <v>3.6499999999999998E-2</v>
      </c>
    </row>
    <row r="12" spans="1:4" x14ac:dyDescent="0.2">
      <c r="A12" s="3" t="s">
        <v>7</v>
      </c>
      <c r="B12" s="3" t="s">
        <v>17</v>
      </c>
      <c r="C12" s="3" t="s">
        <v>7</v>
      </c>
      <c r="D12" s="3" t="s">
        <v>7</v>
      </c>
    </row>
    <row r="13" spans="1:4" x14ac:dyDescent="0.2">
      <c r="A13" s="3" t="s">
        <v>7</v>
      </c>
      <c r="B13" s="3" t="s">
        <v>18</v>
      </c>
      <c r="C13" s="4">
        <v>28429.41</v>
      </c>
      <c r="D13" s="5">
        <v>0.62780000000000002</v>
      </c>
    </row>
    <row r="14" spans="1:4" x14ac:dyDescent="0.2">
      <c r="A14" s="3" t="s">
        <v>7</v>
      </c>
      <c r="B14" s="3" t="s">
        <v>19</v>
      </c>
      <c r="C14" s="4">
        <v>0</v>
      </c>
      <c r="D14" s="5">
        <v>0</v>
      </c>
    </row>
    <row r="15" spans="1:4" x14ac:dyDescent="0.2">
      <c r="A15" s="3" t="s">
        <v>7</v>
      </c>
      <c r="B15" s="3" t="s">
        <v>20</v>
      </c>
      <c r="C15" s="4">
        <v>9250.6</v>
      </c>
      <c r="D15" s="5">
        <v>0.20430000000000001</v>
      </c>
    </row>
    <row r="16" spans="1:4" x14ac:dyDescent="0.2">
      <c r="A16" s="3" t="s">
        <v>7</v>
      </c>
      <c r="B16" s="3" t="s">
        <v>21</v>
      </c>
      <c r="C16" s="4">
        <v>0.03</v>
      </c>
      <c r="D16" s="5">
        <v>0</v>
      </c>
    </row>
    <row r="17" spans="1:4" x14ac:dyDescent="0.2">
      <c r="A17" s="3" t="s">
        <v>7</v>
      </c>
      <c r="B17" s="3" t="s">
        <v>22</v>
      </c>
      <c r="C17" s="4">
        <v>3988.52</v>
      </c>
      <c r="D17" s="5">
        <v>8.8099999999999998E-2</v>
      </c>
    </row>
    <row r="18" spans="1:4" x14ac:dyDescent="0.2">
      <c r="A18" s="3" t="s">
        <v>7</v>
      </c>
      <c r="B18" s="3" t="s">
        <v>23</v>
      </c>
      <c r="C18" s="4">
        <v>495.14</v>
      </c>
      <c r="D18" s="5">
        <v>1.09E-2</v>
      </c>
    </row>
    <row r="19" spans="1:4" x14ac:dyDescent="0.2">
      <c r="A19" s="3" t="s">
        <v>7</v>
      </c>
      <c r="B19" s="3" t="s">
        <v>24</v>
      </c>
      <c r="C19" s="4">
        <v>0</v>
      </c>
      <c r="D19" s="5">
        <v>0</v>
      </c>
    </row>
    <row r="20" spans="1:4" x14ac:dyDescent="0.2">
      <c r="A20" s="3" t="s">
        <v>7</v>
      </c>
      <c r="B20" s="3" t="s">
        <v>25</v>
      </c>
      <c r="C20" s="4">
        <v>0</v>
      </c>
      <c r="D20" s="5">
        <v>0</v>
      </c>
    </row>
    <row r="21" spans="1:4" x14ac:dyDescent="0.2">
      <c r="A21" s="3" t="s">
        <v>7</v>
      </c>
      <c r="B21" s="3" t="s">
        <v>26</v>
      </c>
      <c r="C21" s="4">
        <v>0</v>
      </c>
      <c r="D21" s="5">
        <v>0</v>
      </c>
    </row>
    <row r="22" spans="1:4" x14ac:dyDescent="0.2">
      <c r="A22" s="3" t="s">
        <v>7</v>
      </c>
      <c r="B22" s="3" t="s">
        <v>27</v>
      </c>
      <c r="C22" s="4">
        <v>0</v>
      </c>
      <c r="D22" s="5">
        <v>0</v>
      </c>
    </row>
    <row r="23" spans="1:4" x14ac:dyDescent="0.2">
      <c r="A23" s="3" t="s">
        <v>7</v>
      </c>
      <c r="B23" s="3" t="s">
        <v>28</v>
      </c>
      <c r="C23" s="3" t="s">
        <v>7</v>
      </c>
      <c r="D23" s="3" t="s">
        <v>7</v>
      </c>
    </row>
    <row r="24" spans="1:4" x14ac:dyDescent="0.2">
      <c r="A24" s="3" t="s">
        <v>7</v>
      </c>
      <c r="B24" s="3" t="s">
        <v>18</v>
      </c>
      <c r="C24" s="4">
        <v>0</v>
      </c>
      <c r="D24" s="5">
        <v>0</v>
      </c>
    </row>
    <row r="25" spans="1:4" x14ac:dyDescent="0.2">
      <c r="A25" s="3" t="s">
        <v>7</v>
      </c>
      <c r="B25" s="3" t="s">
        <v>19</v>
      </c>
      <c r="C25" s="4">
        <v>0</v>
      </c>
      <c r="D25" s="5">
        <v>0</v>
      </c>
    </row>
    <row r="26" spans="1:4" x14ac:dyDescent="0.2">
      <c r="A26" s="3" t="s">
        <v>7</v>
      </c>
      <c r="B26" s="3" t="s">
        <v>20</v>
      </c>
      <c r="C26" s="4">
        <v>420.37</v>
      </c>
      <c r="D26" s="5">
        <v>9.2999999999999992E-3</v>
      </c>
    </row>
    <row r="27" spans="1:4" x14ac:dyDescent="0.2">
      <c r="A27" s="3" t="s">
        <v>7</v>
      </c>
      <c r="B27" s="3" t="s">
        <v>21</v>
      </c>
      <c r="C27" s="4">
        <v>0</v>
      </c>
      <c r="D27" s="5">
        <v>0</v>
      </c>
    </row>
    <row r="28" spans="1:4" x14ac:dyDescent="0.2">
      <c r="A28" s="3" t="s">
        <v>7</v>
      </c>
      <c r="B28" s="3" t="s">
        <v>29</v>
      </c>
      <c r="C28" s="4">
        <v>1042.32</v>
      </c>
      <c r="D28" s="5">
        <v>2.3E-2</v>
      </c>
    </row>
    <row r="29" spans="1:4" x14ac:dyDescent="0.2">
      <c r="A29" s="3" t="s">
        <v>7</v>
      </c>
      <c r="B29" s="3" t="s">
        <v>30</v>
      </c>
      <c r="C29" s="4">
        <v>0</v>
      </c>
      <c r="D29" s="5">
        <v>0</v>
      </c>
    </row>
    <row r="30" spans="1:4" x14ac:dyDescent="0.2">
      <c r="A30" s="3" t="s">
        <v>7</v>
      </c>
      <c r="B30" s="3" t="s">
        <v>31</v>
      </c>
      <c r="C30" s="4">
        <v>0</v>
      </c>
      <c r="D30" s="5">
        <v>0</v>
      </c>
    </row>
    <row r="31" spans="1:4" x14ac:dyDescent="0.2">
      <c r="A31" s="3" t="s">
        <v>7</v>
      </c>
      <c r="B31" s="3" t="s">
        <v>32</v>
      </c>
      <c r="C31" s="4">
        <v>4.55</v>
      </c>
      <c r="D31" s="5">
        <v>1E-4</v>
      </c>
    </row>
    <row r="32" spans="1:4" x14ac:dyDescent="0.2">
      <c r="A32" s="3" t="s">
        <v>7</v>
      </c>
      <c r="B32" s="3" t="s">
        <v>33</v>
      </c>
      <c r="C32" s="4">
        <v>0</v>
      </c>
      <c r="D32" s="5">
        <v>0</v>
      </c>
    </row>
    <row r="33" spans="1:4" x14ac:dyDescent="0.2">
      <c r="A33" s="3" t="s">
        <v>7</v>
      </c>
      <c r="B33" s="3" t="s">
        <v>34</v>
      </c>
      <c r="C33" s="4">
        <v>0</v>
      </c>
      <c r="D33" s="5">
        <v>0</v>
      </c>
    </row>
    <row r="34" spans="1:4" x14ac:dyDescent="0.2">
      <c r="A34" s="3" t="s">
        <v>7</v>
      </c>
      <c r="B34" s="3" t="s">
        <v>35</v>
      </c>
      <c r="C34" s="4">
        <v>0</v>
      </c>
      <c r="D34" s="5">
        <v>0</v>
      </c>
    </row>
    <row r="35" spans="1:4" x14ac:dyDescent="0.2">
      <c r="A35" s="3" t="s">
        <v>7</v>
      </c>
      <c r="B35" s="3" t="s">
        <v>36</v>
      </c>
      <c r="C35" s="4">
        <v>0</v>
      </c>
      <c r="D35" s="5">
        <v>0</v>
      </c>
    </row>
    <row r="36" spans="1:4" x14ac:dyDescent="0.2">
      <c r="A36" s="3" t="s">
        <v>7</v>
      </c>
      <c r="B36" s="3" t="s">
        <v>37</v>
      </c>
      <c r="C36" s="4">
        <v>0</v>
      </c>
      <c r="D36" s="5">
        <v>0</v>
      </c>
    </row>
    <row r="37" spans="1:4" x14ac:dyDescent="0.2">
      <c r="A37" s="3" t="s">
        <v>7</v>
      </c>
      <c r="B37" s="3" t="s">
        <v>38</v>
      </c>
      <c r="C37" s="4">
        <v>0</v>
      </c>
      <c r="D37" s="5">
        <v>0</v>
      </c>
    </row>
    <row r="38" spans="1:4" x14ac:dyDescent="0.2">
      <c r="A38" s="3" t="s">
        <v>7</v>
      </c>
      <c r="B38" s="3" t="s">
        <v>39</v>
      </c>
      <c r="C38" s="3" t="s">
        <v>7</v>
      </c>
      <c r="D38" s="3" t="s">
        <v>7</v>
      </c>
    </row>
    <row r="39" spans="1:4" x14ac:dyDescent="0.2">
      <c r="A39" s="3" t="s">
        <v>7</v>
      </c>
      <c r="B39" s="3" t="s">
        <v>40</v>
      </c>
      <c r="C39" s="4">
        <v>0</v>
      </c>
      <c r="D39" s="5">
        <v>0</v>
      </c>
    </row>
    <row r="40" spans="1:4" x14ac:dyDescent="0.2">
      <c r="A40" s="3" t="s">
        <v>7</v>
      </c>
      <c r="B40" s="3" t="s">
        <v>41</v>
      </c>
      <c r="C40" s="4">
        <v>0</v>
      </c>
      <c r="D40" s="5">
        <v>0</v>
      </c>
    </row>
    <row r="41" spans="1:4" x14ac:dyDescent="0.2">
      <c r="A41" s="3" t="s">
        <v>7</v>
      </c>
      <c r="B41" s="3" t="s">
        <v>42</v>
      </c>
      <c r="C41" s="4">
        <v>0</v>
      </c>
      <c r="D41" s="5">
        <v>0</v>
      </c>
    </row>
    <row r="42" spans="1:4" x14ac:dyDescent="0.2">
      <c r="A42" s="3" t="s">
        <v>7</v>
      </c>
      <c r="B42" s="3" t="s">
        <v>43</v>
      </c>
      <c r="C42" s="4">
        <v>45281.75</v>
      </c>
      <c r="D42" s="5">
        <v>1</v>
      </c>
    </row>
    <row r="43" spans="1:4" x14ac:dyDescent="0.2">
      <c r="A43" s="3" t="s">
        <v>7</v>
      </c>
      <c r="B43" s="3" t="s">
        <v>44</v>
      </c>
      <c r="C43" s="3" t="s">
        <v>7</v>
      </c>
      <c r="D43" s="3" t="s">
        <v>7</v>
      </c>
    </row>
    <row r="44" spans="1:4" x14ac:dyDescent="0.2">
      <c r="A44" s="6" t="s">
        <v>7</v>
      </c>
      <c r="B44" s="6" t="s">
        <v>45</v>
      </c>
      <c r="C44" s="6" t="s">
        <v>7</v>
      </c>
      <c r="D44" s="6" t="s">
        <v>7</v>
      </c>
    </row>
    <row r="45" spans="1:4" x14ac:dyDescent="0.2">
      <c r="A45" s="3" t="s">
        <v>7</v>
      </c>
      <c r="B45" s="3" t="s">
        <v>7</v>
      </c>
      <c r="C45" s="3" t="s">
        <v>46</v>
      </c>
      <c r="D45" s="3" t="s">
        <v>47</v>
      </c>
    </row>
    <row r="46" spans="1:4" x14ac:dyDescent="0.2">
      <c r="A46" s="3" t="s">
        <v>7</v>
      </c>
      <c r="B46" s="3" t="s">
        <v>7</v>
      </c>
      <c r="C46" s="3" t="s">
        <v>13</v>
      </c>
      <c r="D46" s="3" t="s">
        <v>14</v>
      </c>
    </row>
    <row r="47" spans="1:4" x14ac:dyDescent="0.2">
      <c r="A47" s="3" t="s">
        <v>7</v>
      </c>
      <c r="B47" s="3" t="s">
        <v>7</v>
      </c>
      <c r="C47" s="6" t="s">
        <v>48</v>
      </c>
      <c r="D47" s="6" t="s">
        <v>49</v>
      </c>
    </row>
    <row r="48" spans="1:4" x14ac:dyDescent="0.2">
      <c r="A48" s="3" t="s">
        <v>7</v>
      </c>
      <c r="B48" s="3" t="s">
        <v>7</v>
      </c>
      <c r="C48" s="6" t="s">
        <v>50</v>
      </c>
      <c r="D48" s="6" t="s">
        <v>51</v>
      </c>
    </row>
    <row r="49" spans="1:4" x14ac:dyDescent="0.2">
      <c r="A49" s="1" t="s">
        <v>7</v>
      </c>
      <c r="B49" s="1" t="s">
        <v>7</v>
      </c>
      <c r="C49" s="1" t="s">
        <v>7</v>
      </c>
      <c r="D49" s="1" t="s">
        <v>7</v>
      </c>
    </row>
    <row r="50" spans="1:4" x14ac:dyDescent="0.2">
      <c r="A50" s="7" t="s">
        <v>52</v>
      </c>
      <c r="B50" s="7" t="s">
        <v>53</v>
      </c>
    </row>
  </sheetData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5"/>
  <sheetViews>
    <sheetView rightToLeft="1" topLeftCell="A10" workbookViewId="0"/>
  </sheetViews>
  <sheetFormatPr defaultRowHeight="14.25" x14ac:dyDescent="0.2"/>
  <cols>
    <col min="1" max="1" width="2" customWidth="1"/>
    <col min="2" max="2" width="34" customWidth="1"/>
    <col min="3" max="4" width="11" customWidth="1"/>
    <col min="5" max="7" width="10" customWidth="1"/>
    <col min="8" max="8" width="5" customWidth="1"/>
    <col min="9" max="9" width="10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1:13" x14ac:dyDescent="0.2">
      <c r="B1" s="7" t="s">
        <v>0</v>
      </c>
      <c r="C1" s="7" t="s">
        <v>1</v>
      </c>
    </row>
    <row r="2" spans="1:13" x14ac:dyDescent="0.2">
      <c r="B2" s="7" t="s">
        <v>2</v>
      </c>
      <c r="C2" s="7" t="s">
        <v>3</v>
      </c>
    </row>
    <row r="3" spans="1:13" x14ac:dyDescent="0.2">
      <c r="B3" s="7" t="s">
        <v>4</v>
      </c>
      <c r="C3" s="7" t="s">
        <v>5</v>
      </c>
    </row>
    <row r="4" spans="1:13" x14ac:dyDescent="0.2">
      <c r="B4" s="7" t="s">
        <v>6</v>
      </c>
      <c r="C4" s="7">
        <v>1476</v>
      </c>
    </row>
    <row r="5" spans="1:13" x14ac:dyDescent="0.2">
      <c r="B5" s="7" t="s">
        <v>7</v>
      </c>
      <c r="C5" s="7" t="s">
        <v>7</v>
      </c>
    </row>
    <row r="6" spans="1:13" x14ac:dyDescent="0.2">
      <c r="A6" s="1" t="s">
        <v>7</v>
      </c>
      <c r="B6" s="1" t="s">
        <v>9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1:13" x14ac:dyDescent="0.2">
      <c r="A7" s="1" t="s">
        <v>7</v>
      </c>
      <c r="B7" s="1" t="s">
        <v>256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1:13" x14ac:dyDescent="0.2">
      <c r="A8" s="1" t="s">
        <v>7</v>
      </c>
      <c r="B8" s="1" t="s">
        <v>55</v>
      </c>
      <c r="C8" s="1" t="s">
        <v>56</v>
      </c>
      <c r="D8" s="1" t="s">
        <v>93</v>
      </c>
      <c r="E8" s="1" t="s">
        <v>132</v>
      </c>
      <c r="F8" s="1" t="s">
        <v>60</v>
      </c>
      <c r="G8" s="1" t="s">
        <v>96</v>
      </c>
      <c r="H8" s="1" t="s">
        <v>97</v>
      </c>
      <c r="I8" s="1" t="s">
        <v>63</v>
      </c>
      <c r="J8" s="1" t="s">
        <v>99</v>
      </c>
      <c r="K8" s="1" t="s">
        <v>64</v>
      </c>
      <c r="L8" s="1" t="s">
        <v>100</v>
      </c>
      <c r="M8" s="1" t="s">
        <v>7</v>
      </c>
    </row>
    <row r="9" spans="1:13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44</v>
      </c>
      <c r="H9" s="1" t="s">
        <v>7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1:13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7</v>
      </c>
    </row>
    <row r="11" spans="1:13" x14ac:dyDescent="0.2">
      <c r="A11" s="8" t="s">
        <v>7</v>
      </c>
      <c r="B11" s="8" t="s">
        <v>257</v>
      </c>
      <c r="C11" s="8" t="s">
        <v>7</v>
      </c>
      <c r="D11" s="8" t="s">
        <v>7</v>
      </c>
      <c r="E11" s="8" t="s">
        <v>7</v>
      </c>
      <c r="F11" s="8" t="s">
        <v>7</v>
      </c>
      <c r="G11" s="10">
        <v>0</v>
      </c>
      <c r="H11" s="8" t="s">
        <v>7</v>
      </c>
      <c r="I11" s="10">
        <v>0</v>
      </c>
      <c r="J11" s="8" t="s">
        <v>7</v>
      </c>
      <c r="K11" s="9">
        <v>0</v>
      </c>
      <c r="L11" s="9">
        <v>0</v>
      </c>
      <c r="M11" s="8" t="s">
        <v>7</v>
      </c>
    </row>
    <row r="12" spans="1:13" x14ac:dyDescent="0.2">
      <c r="A12" s="3" t="s">
        <v>7</v>
      </c>
      <c r="B12" s="3" t="s">
        <v>75</v>
      </c>
      <c r="C12" s="3" t="s">
        <v>7</v>
      </c>
      <c r="D12" s="3" t="s">
        <v>7</v>
      </c>
      <c r="E12" s="3" t="s">
        <v>7</v>
      </c>
      <c r="F12" s="3" t="s">
        <v>7</v>
      </c>
      <c r="G12" s="12">
        <v>0</v>
      </c>
      <c r="H12" s="3" t="s">
        <v>7</v>
      </c>
      <c r="I12" s="12">
        <v>0</v>
      </c>
      <c r="J12" s="3" t="s">
        <v>7</v>
      </c>
      <c r="K12" s="11">
        <v>0</v>
      </c>
      <c r="L12" s="11">
        <v>0</v>
      </c>
      <c r="M12" s="3" t="s">
        <v>7</v>
      </c>
    </row>
    <row r="13" spans="1:13" x14ac:dyDescent="0.2">
      <c r="A13" s="3" t="s">
        <v>7</v>
      </c>
      <c r="B13" s="3" t="s">
        <v>258</v>
      </c>
      <c r="C13" s="3" t="s">
        <v>7</v>
      </c>
      <c r="D13" s="3" t="s">
        <v>7</v>
      </c>
      <c r="E13" s="3" t="s">
        <v>7</v>
      </c>
      <c r="F13" s="3" t="s">
        <v>7</v>
      </c>
      <c r="G13" s="12">
        <v>0</v>
      </c>
      <c r="H13" s="3" t="s">
        <v>7</v>
      </c>
      <c r="I13" s="12">
        <v>0</v>
      </c>
      <c r="J13" s="3" t="s">
        <v>7</v>
      </c>
      <c r="K13" s="11">
        <v>0</v>
      </c>
      <c r="L13" s="11">
        <v>0</v>
      </c>
      <c r="M13" s="3" t="s">
        <v>7</v>
      </c>
    </row>
    <row r="14" spans="1:13" x14ac:dyDescent="0.2">
      <c r="A14" s="3" t="s">
        <v>7</v>
      </c>
      <c r="B14" s="3" t="s">
        <v>259</v>
      </c>
      <c r="C14" s="3" t="s">
        <v>7</v>
      </c>
      <c r="D14" s="3" t="s">
        <v>7</v>
      </c>
      <c r="E14" s="3" t="s">
        <v>7</v>
      </c>
      <c r="F14" s="3" t="s">
        <v>7</v>
      </c>
      <c r="G14" s="12">
        <v>0</v>
      </c>
      <c r="H14" s="3" t="s">
        <v>7</v>
      </c>
      <c r="I14" s="12">
        <v>0</v>
      </c>
      <c r="J14" s="3" t="s">
        <v>7</v>
      </c>
      <c r="K14" s="11">
        <v>0</v>
      </c>
      <c r="L14" s="11">
        <v>0</v>
      </c>
      <c r="M14" s="3" t="s">
        <v>7</v>
      </c>
    </row>
    <row r="15" spans="1:13" x14ac:dyDescent="0.2">
      <c r="A15" s="3" t="s">
        <v>7</v>
      </c>
      <c r="B15" s="3" t="s">
        <v>260</v>
      </c>
      <c r="C15" s="3" t="s">
        <v>7</v>
      </c>
      <c r="D15" s="3" t="s">
        <v>7</v>
      </c>
      <c r="E15" s="3" t="s">
        <v>7</v>
      </c>
      <c r="F15" s="3" t="s">
        <v>7</v>
      </c>
      <c r="G15" s="12">
        <v>0</v>
      </c>
      <c r="H15" s="3" t="s">
        <v>7</v>
      </c>
      <c r="I15" s="12">
        <v>0</v>
      </c>
      <c r="J15" s="3" t="s">
        <v>7</v>
      </c>
      <c r="K15" s="11">
        <v>0</v>
      </c>
      <c r="L15" s="11">
        <v>0</v>
      </c>
      <c r="M15" s="3" t="s">
        <v>7</v>
      </c>
    </row>
    <row r="16" spans="1:13" x14ac:dyDescent="0.2">
      <c r="A16" s="3" t="s">
        <v>7</v>
      </c>
      <c r="B16" s="3" t="s">
        <v>235</v>
      </c>
      <c r="C16" s="3" t="s">
        <v>7</v>
      </c>
      <c r="D16" s="3" t="s">
        <v>7</v>
      </c>
      <c r="E16" s="3" t="s">
        <v>7</v>
      </c>
      <c r="F16" s="3" t="s">
        <v>7</v>
      </c>
      <c r="G16" s="12">
        <v>0</v>
      </c>
      <c r="H16" s="3" t="s">
        <v>7</v>
      </c>
      <c r="I16" s="12">
        <v>0</v>
      </c>
      <c r="J16" s="3" t="s">
        <v>7</v>
      </c>
      <c r="K16" s="11">
        <v>0</v>
      </c>
      <c r="L16" s="11">
        <v>0</v>
      </c>
      <c r="M16" s="3" t="s">
        <v>7</v>
      </c>
    </row>
    <row r="17" spans="1:13" x14ac:dyDescent="0.2">
      <c r="A17" s="3" t="s">
        <v>7</v>
      </c>
      <c r="B17" s="3" t="s">
        <v>88</v>
      </c>
      <c r="C17" s="3" t="s">
        <v>7</v>
      </c>
      <c r="D17" s="3" t="s">
        <v>7</v>
      </c>
      <c r="E17" s="3" t="s">
        <v>7</v>
      </c>
      <c r="F17" s="3" t="s">
        <v>7</v>
      </c>
      <c r="G17" s="12">
        <v>0</v>
      </c>
      <c r="H17" s="3" t="s">
        <v>7</v>
      </c>
      <c r="I17" s="12">
        <v>0</v>
      </c>
      <c r="J17" s="3" t="s">
        <v>7</v>
      </c>
      <c r="K17" s="11">
        <v>0</v>
      </c>
      <c r="L17" s="11">
        <v>0</v>
      </c>
      <c r="M17" s="3" t="s">
        <v>7</v>
      </c>
    </row>
    <row r="18" spans="1:13" x14ac:dyDescent="0.2">
      <c r="A18" s="3" t="s">
        <v>7</v>
      </c>
      <c r="B18" s="3" t="s">
        <v>258</v>
      </c>
      <c r="C18" s="3" t="s">
        <v>7</v>
      </c>
      <c r="D18" s="3" t="s">
        <v>7</v>
      </c>
      <c r="E18" s="3" t="s">
        <v>7</v>
      </c>
      <c r="F18" s="3" t="s">
        <v>7</v>
      </c>
      <c r="G18" s="12">
        <v>0</v>
      </c>
      <c r="H18" s="3" t="s">
        <v>7</v>
      </c>
      <c r="I18" s="12">
        <v>0</v>
      </c>
      <c r="J18" s="3" t="s">
        <v>7</v>
      </c>
      <c r="K18" s="11">
        <v>0</v>
      </c>
      <c r="L18" s="11">
        <v>0</v>
      </c>
      <c r="M18" s="3" t="s">
        <v>7</v>
      </c>
    </row>
    <row r="19" spans="1:13" x14ac:dyDescent="0.2">
      <c r="A19" s="3" t="s">
        <v>7</v>
      </c>
      <c r="B19" s="3" t="s">
        <v>261</v>
      </c>
      <c r="C19" s="3" t="s">
        <v>7</v>
      </c>
      <c r="D19" s="3" t="s">
        <v>7</v>
      </c>
      <c r="E19" s="3" t="s">
        <v>7</v>
      </c>
      <c r="F19" s="3" t="s">
        <v>7</v>
      </c>
      <c r="G19" s="12">
        <v>0</v>
      </c>
      <c r="H19" s="3" t="s">
        <v>7</v>
      </c>
      <c r="I19" s="12">
        <v>0</v>
      </c>
      <c r="J19" s="3" t="s">
        <v>7</v>
      </c>
      <c r="K19" s="11">
        <v>0</v>
      </c>
      <c r="L19" s="11">
        <v>0</v>
      </c>
      <c r="M19" s="3" t="s">
        <v>7</v>
      </c>
    </row>
    <row r="20" spans="1:13" x14ac:dyDescent="0.2">
      <c r="A20" s="3" t="s">
        <v>7</v>
      </c>
      <c r="B20" s="3" t="s">
        <v>260</v>
      </c>
      <c r="C20" s="3" t="s">
        <v>7</v>
      </c>
      <c r="D20" s="3" t="s">
        <v>7</v>
      </c>
      <c r="E20" s="3" t="s">
        <v>7</v>
      </c>
      <c r="F20" s="3" t="s">
        <v>7</v>
      </c>
      <c r="G20" s="12">
        <v>0</v>
      </c>
      <c r="H20" s="3" t="s">
        <v>7</v>
      </c>
      <c r="I20" s="12">
        <v>0</v>
      </c>
      <c r="J20" s="3" t="s">
        <v>7</v>
      </c>
      <c r="K20" s="11">
        <v>0</v>
      </c>
      <c r="L20" s="11">
        <v>0</v>
      </c>
      <c r="M20" s="3" t="s">
        <v>7</v>
      </c>
    </row>
    <row r="21" spans="1:13" x14ac:dyDescent="0.2">
      <c r="A21" s="3" t="s">
        <v>7</v>
      </c>
      <c r="B21" s="3" t="s">
        <v>262</v>
      </c>
      <c r="C21" s="3" t="s">
        <v>7</v>
      </c>
      <c r="D21" s="3" t="s">
        <v>7</v>
      </c>
      <c r="E21" s="3" t="s">
        <v>7</v>
      </c>
      <c r="F21" s="3" t="s">
        <v>7</v>
      </c>
      <c r="G21" s="12">
        <v>0</v>
      </c>
      <c r="H21" s="3" t="s">
        <v>7</v>
      </c>
      <c r="I21" s="12">
        <v>0</v>
      </c>
      <c r="J21" s="3" t="s">
        <v>7</v>
      </c>
      <c r="K21" s="11">
        <v>0</v>
      </c>
      <c r="L21" s="11">
        <v>0</v>
      </c>
      <c r="M21" s="3" t="s">
        <v>7</v>
      </c>
    </row>
    <row r="22" spans="1:13" x14ac:dyDescent="0.2">
      <c r="A22" s="3" t="s">
        <v>7</v>
      </c>
      <c r="B22" s="3" t="s">
        <v>235</v>
      </c>
      <c r="C22" s="3" t="s">
        <v>7</v>
      </c>
      <c r="D22" s="3" t="s">
        <v>7</v>
      </c>
      <c r="E22" s="3" t="s">
        <v>7</v>
      </c>
      <c r="F22" s="3" t="s">
        <v>7</v>
      </c>
      <c r="G22" s="12">
        <v>0</v>
      </c>
      <c r="H22" s="3" t="s">
        <v>7</v>
      </c>
      <c r="I22" s="12">
        <v>0</v>
      </c>
      <c r="J22" s="3" t="s">
        <v>7</v>
      </c>
      <c r="K22" s="11">
        <v>0</v>
      </c>
      <c r="L22" s="11">
        <v>0</v>
      </c>
      <c r="M22" s="3" t="s">
        <v>7</v>
      </c>
    </row>
    <row r="23" spans="1:13" x14ac:dyDescent="0.2">
      <c r="A23" s="8" t="s">
        <v>7</v>
      </c>
      <c r="B23" s="8" t="s">
        <v>90</v>
      </c>
      <c r="C23" s="8" t="s">
        <v>7</v>
      </c>
      <c r="D23" s="8" t="s">
        <v>7</v>
      </c>
      <c r="E23" s="8" t="s">
        <v>7</v>
      </c>
      <c r="F23" s="8" t="s">
        <v>7</v>
      </c>
      <c r="G23" s="8" t="s">
        <v>7</v>
      </c>
      <c r="H23" s="8" t="s">
        <v>7</v>
      </c>
      <c r="I23" s="8" t="s">
        <v>7</v>
      </c>
      <c r="J23" s="8" t="s">
        <v>7</v>
      </c>
      <c r="K23" s="8" t="s">
        <v>7</v>
      </c>
      <c r="L23" s="8" t="s">
        <v>7</v>
      </c>
      <c r="M23" s="8" t="s">
        <v>7</v>
      </c>
    </row>
    <row r="24" spans="1:13" x14ac:dyDescent="0.2">
      <c r="A24" s="8" t="s">
        <v>7</v>
      </c>
      <c r="B24" s="8" t="s">
        <v>129</v>
      </c>
      <c r="C24" s="8" t="s">
        <v>7</v>
      </c>
      <c r="D24" s="8" t="s">
        <v>7</v>
      </c>
      <c r="E24" s="8" t="s">
        <v>7</v>
      </c>
      <c r="F24" s="8" t="s">
        <v>7</v>
      </c>
      <c r="G24" s="8" t="s">
        <v>7</v>
      </c>
      <c r="H24" s="8" t="s">
        <v>7</v>
      </c>
      <c r="I24" s="8" t="s">
        <v>7</v>
      </c>
      <c r="J24" s="8" t="s">
        <v>7</v>
      </c>
      <c r="K24" s="8" t="s">
        <v>7</v>
      </c>
      <c r="L24" s="8" t="s">
        <v>7</v>
      </c>
      <c r="M24" s="8" t="s">
        <v>7</v>
      </c>
    </row>
    <row r="25" spans="1:13" x14ac:dyDescent="0.2">
      <c r="A25" s="7" t="s">
        <v>52</v>
      </c>
      <c r="B25" s="7" t="s">
        <v>53</v>
      </c>
    </row>
  </sheetData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16"/>
  <sheetViews>
    <sheetView rightToLeft="1" topLeftCell="A7" workbookViewId="0"/>
  </sheetViews>
  <sheetFormatPr defaultRowHeight="14.25" x14ac:dyDescent="0.2"/>
  <cols>
    <col min="1" max="1" width="2" customWidth="1"/>
    <col min="2" max="2" width="34" customWidth="1"/>
    <col min="3" max="4" width="11" customWidth="1"/>
    <col min="5" max="7" width="10" customWidth="1"/>
    <col min="8" max="8" width="8" customWidth="1"/>
    <col min="9" max="9" width="10" customWidth="1"/>
    <col min="10" max="10" width="24" customWidth="1"/>
    <col min="11" max="11" width="21" customWidth="1"/>
    <col min="12" max="12" width="2" customWidth="1"/>
  </cols>
  <sheetData>
    <row r="1" spans="1:12" x14ac:dyDescent="0.2">
      <c r="B1" s="7" t="s">
        <v>0</v>
      </c>
      <c r="C1" s="7" t="s">
        <v>1</v>
      </c>
    </row>
    <row r="2" spans="1:12" x14ac:dyDescent="0.2">
      <c r="B2" s="7" t="s">
        <v>2</v>
      </c>
      <c r="C2" s="7" t="s">
        <v>3</v>
      </c>
    </row>
    <row r="3" spans="1:12" x14ac:dyDescent="0.2">
      <c r="B3" s="7" t="s">
        <v>4</v>
      </c>
      <c r="C3" s="7" t="s">
        <v>5</v>
      </c>
    </row>
    <row r="4" spans="1:12" x14ac:dyDescent="0.2">
      <c r="B4" s="7" t="s">
        <v>6</v>
      </c>
      <c r="C4" s="7">
        <v>1476</v>
      </c>
    </row>
    <row r="5" spans="1:12" x14ac:dyDescent="0.2">
      <c r="B5" s="7" t="s">
        <v>7</v>
      </c>
      <c r="C5" s="7" t="s">
        <v>7</v>
      </c>
    </row>
    <row r="6" spans="1:12" x14ac:dyDescent="0.2">
      <c r="A6" s="1" t="s">
        <v>7</v>
      </c>
      <c r="B6" s="1" t="s">
        <v>9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1:12" x14ac:dyDescent="0.2">
      <c r="A7" s="1" t="s">
        <v>7</v>
      </c>
      <c r="B7" s="1" t="s">
        <v>263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</row>
    <row r="8" spans="1:12" x14ac:dyDescent="0.2">
      <c r="A8" s="1" t="s">
        <v>7</v>
      </c>
      <c r="B8" s="1" t="s">
        <v>55</v>
      </c>
      <c r="C8" s="1" t="s">
        <v>56</v>
      </c>
      <c r="D8" s="1" t="s">
        <v>93</v>
      </c>
      <c r="E8" s="1" t="s">
        <v>132</v>
      </c>
      <c r="F8" s="1" t="s">
        <v>60</v>
      </c>
      <c r="G8" s="1" t="s">
        <v>96</v>
      </c>
      <c r="H8" s="1" t="s">
        <v>97</v>
      </c>
      <c r="I8" s="1" t="s">
        <v>63</v>
      </c>
      <c r="J8" s="1" t="s">
        <v>64</v>
      </c>
      <c r="K8" s="1" t="s">
        <v>65</v>
      </c>
      <c r="L8" s="1" t="s">
        <v>7</v>
      </c>
    </row>
    <row r="9" spans="1:12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02</v>
      </c>
      <c r="H9" s="1" t="s">
        <v>103</v>
      </c>
      <c r="I9" s="1" t="s">
        <v>11</v>
      </c>
      <c r="J9" s="1" t="s">
        <v>12</v>
      </c>
      <c r="K9" s="1" t="s">
        <v>12</v>
      </c>
      <c r="L9" s="1" t="s">
        <v>7</v>
      </c>
    </row>
    <row r="10" spans="1:12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</v>
      </c>
    </row>
    <row r="11" spans="1:12" x14ac:dyDescent="0.2">
      <c r="A11" s="8" t="s">
        <v>7</v>
      </c>
      <c r="B11" s="8" t="s">
        <v>264</v>
      </c>
      <c r="C11" s="8" t="s">
        <v>7</v>
      </c>
      <c r="D11" s="8" t="s">
        <v>7</v>
      </c>
      <c r="E11" s="8" t="s">
        <v>7</v>
      </c>
      <c r="F11" s="8" t="s">
        <v>7</v>
      </c>
      <c r="G11" s="10">
        <v>0</v>
      </c>
      <c r="H11" s="8" t="s">
        <v>7</v>
      </c>
      <c r="I11" s="10">
        <v>0</v>
      </c>
      <c r="J11" s="9">
        <v>0</v>
      </c>
      <c r="K11" s="9">
        <v>0</v>
      </c>
      <c r="L11" s="8" t="s">
        <v>7</v>
      </c>
    </row>
    <row r="12" spans="1:12" x14ac:dyDescent="0.2">
      <c r="A12" s="3" t="s">
        <v>7</v>
      </c>
      <c r="B12" s="3" t="s">
        <v>75</v>
      </c>
      <c r="C12" s="3" t="s">
        <v>7</v>
      </c>
      <c r="D12" s="3" t="s">
        <v>7</v>
      </c>
      <c r="E12" s="3" t="s">
        <v>7</v>
      </c>
      <c r="F12" s="3" t="s">
        <v>7</v>
      </c>
      <c r="G12" s="12">
        <v>0</v>
      </c>
      <c r="H12" s="3" t="s">
        <v>7</v>
      </c>
      <c r="I12" s="12">
        <v>0</v>
      </c>
      <c r="J12" s="11">
        <v>0</v>
      </c>
      <c r="K12" s="11">
        <v>0</v>
      </c>
      <c r="L12" s="3" t="s">
        <v>7</v>
      </c>
    </row>
    <row r="13" spans="1:12" x14ac:dyDescent="0.2">
      <c r="A13" s="3" t="s">
        <v>7</v>
      </c>
      <c r="B13" s="3" t="s">
        <v>88</v>
      </c>
      <c r="C13" s="3" t="s">
        <v>7</v>
      </c>
      <c r="D13" s="3" t="s">
        <v>7</v>
      </c>
      <c r="E13" s="3" t="s">
        <v>7</v>
      </c>
      <c r="F13" s="3" t="s">
        <v>7</v>
      </c>
      <c r="G13" s="12">
        <v>0</v>
      </c>
      <c r="H13" s="3" t="s">
        <v>7</v>
      </c>
      <c r="I13" s="12">
        <v>0</v>
      </c>
      <c r="J13" s="11">
        <v>0</v>
      </c>
      <c r="K13" s="11">
        <v>0</v>
      </c>
      <c r="L13" s="3" t="s">
        <v>7</v>
      </c>
    </row>
    <row r="14" spans="1:12" x14ac:dyDescent="0.2">
      <c r="A14" s="8" t="s">
        <v>7</v>
      </c>
      <c r="B14" s="8" t="s">
        <v>90</v>
      </c>
      <c r="C14" s="8" t="s">
        <v>7</v>
      </c>
      <c r="D14" s="8" t="s">
        <v>7</v>
      </c>
      <c r="E14" s="8" t="s">
        <v>7</v>
      </c>
      <c r="F14" s="8" t="s">
        <v>7</v>
      </c>
      <c r="G14" s="8" t="s">
        <v>7</v>
      </c>
      <c r="H14" s="8" t="s">
        <v>7</v>
      </c>
      <c r="I14" s="8" t="s">
        <v>7</v>
      </c>
      <c r="J14" s="8" t="s">
        <v>7</v>
      </c>
      <c r="K14" s="8" t="s">
        <v>7</v>
      </c>
      <c r="L14" s="8" t="s">
        <v>7</v>
      </c>
    </row>
    <row r="15" spans="1:12" x14ac:dyDescent="0.2">
      <c r="A15" s="8" t="s">
        <v>7</v>
      </c>
      <c r="B15" s="8" t="s">
        <v>129</v>
      </c>
      <c r="C15" s="8" t="s">
        <v>7</v>
      </c>
      <c r="D15" s="8" t="s">
        <v>7</v>
      </c>
      <c r="E15" s="8" t="s">
        <v>7</v>
      </c>
      <c r="F15" s="8" t="s">
        <v>7</v>
      </c>
      <c r="G15" s="8" t="s">
        <v>7</v>
      </c>
      <c r="H15" s="8" t="s">
        <v>7</v>
      </c>
      <c r="I15" s="8" t="s">
        <v>7</v>
      </c>
      <c r="J15" s="8" t="s">
        <v>7</v>
      </c>
      <c r="K15" s="8" t="s">
        <v>7</v>
      </c>
      <c r="L15" s="8" t="s">
        <v>7</v>
      </c>
    </row>
    <row r="16" spans="1:12" x14ac:dyDescent="0.2">
      <c r="A16" s="7" t="s">
        <v>52</v>
      </c>
      <c r="B16" s="7" t="s">
        <v>53</v>
      </c>
    </row>
  </sheetData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2"/>
  <sheetViews>
    <sheetView rightToLeft="1" topLeftCell="A7" workbookViewId="0"/>
  </sheetViews>
  <sheetFormatPr defaultRowHeight="14.25" x14ac:dyDescent="0.2"/>
  <cols>
    <col min="1" max="1" width="2" customWidth="1"/>
    <col min="2" max="2" width="34" customWidth="1"/>
    <col min="3" max="4" width="11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5" customWidth="1"/>
    <col min="12" max="12" width="10" customWidth="1"/>
    <col min="13" max="13" width="8" customWidth="1"/>
    <col min="14" max="14" width="10" customWidth="1"/>
    <col min="15" max="15" width="22" customWidth="1"/>
    <col min="16" max="16" width="24" customWidth="1"/>
    <col min="17" max="17" width="23" customWidth="1"/>
    <col min="18" max="18" width="2" customWidth="1"/>
  </cols>
  <sheetData>
    <row r="1" spans="1:18" x14ac:dyDescent="0.2">
      <c r="B1" s="7" t="s">
        <v>0</v>
      </c>
      <c r="C1" s="7" t="s">
        <v>1</v>
      </c>
    </row>
    <row r="2" spans="1:18" x14ac:dyDescent="0.2">
      <c r="B2" s="7" t="s">
        <v>2</v>
      </c>
      <c r="C2" s="7" t="s">
        <v>3</v>
      </c>
    </row>
    <row r="3" spans="1:18" x14ac:dyDescent="0.2">
      <c r="B3" s="7" t="s">
        <v>4</v>
      </c>
      <c r="C3" s="7" t="s">
        <v>5</v>
      </c>
    </row>
    <row r="4" spans="1:18" x14ac:dyDescent="0.2">
      <c r="B4" s="7" t="s">
        <v>6</v>
      </c>
      <c r="C4" s="7">
        <v>1476</v>
      </c>
    </row>
    <row r="5" spans="1:18" x14ac:dyDescent="0.2">
      <c r="B5" s="7" t="s">
        <v>7</v>
      </c>
      <c r="C5" s="7" t="s">
        <v>7</v>
      </c>
    </row>
    <row r="6" spans="1:18" x14ac:dyDescent="0.2">
      <c r="A6" s="1" t="s">
        <v>7</v>
      </c>
      <c r="B6" s="1" t="s">
        <v>9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</row>
    <row r="7" spans="1:18" x14ac:dyDescent="0.2">
      <c r="A7" s="1" t="s">
        <v>7</v>
      </c>
      <c r="B7" s="1" t="s">
        <v>265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</row>
    <row r="8" spans="1:18" x14ac:dyDescent="0.2">
      <c r="A8" s="1" t="s">
        <v>7</v>
      </c>
      <c r="B8" s="1" t="s">
        <v>55</v>
      </c>
      <c r="C8" s="1" t="s">
        <v>56</v>
      </c>
      <c r="D8" s="1" t="s">
        <v>266</v>
      </c>
      <c r="E8" s="1" t="s">
        <v>58</v>
      </c>
      <c r="F8" s="1" t="s">
        <v>59</v>
      </c>
      <c r="G8" s="1" t="s">
        <v>94</v>
      </c>
      <c r="H8" s="1" t="s">
        <v>95</v>
      </c>
      <c r="I8" s="1" t="s">
        <v>60</v>
      </c>
      <c r="J8" s="1" t="s">
        <v>61</v>
      </c>
      <c r="K8" s="1" t="s">
        <v>62</v>
      </c>
      <c r="L8" s="1" t="s">
        <v>96</v>
      </c>
      <c r="M8" s="1" t="s">
        <v>97</v>
      </c>
      <c r="N8" s="1" t="s">
        <v>63</v>
      </c>
      <c r="O8" s="1" t="s">
        <v>99</v>
      </c>
      <c r="P8" s="1" t="s">
        <v>64</v>
      </c>
      <c r="Q8" s="1" t="s">
        <v>100</v>
      </c>
      <c r="R8" s="1" t="s">
        <v>7</v>
      </c>
    </row>
    <row r="9" spans="1:18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01</v>
      </c>
      <c r="I9" s="1" t="s">
        <v>7</v>
      </c>
      <c r="J9" s="1" t="s">
        <v>12</v>
      </c>
      <c r="K9" s="1" t="s">
        <v>12</v>
      </c>
      <c r="L9" s="1" t="s">
        <v>102</v>
      </c>
      <c r="M9" s="1" t="s">
        <v>103</v>
      </c>
      <c r="N9" s="1" t="s">
        <v>11</v>
      </c>
      <c r="O9" s="1" t="s">
        <v>12</v>
      </c>
      <c r="P9" s="1" t="s">
        <v>12</v>
      </c>
      <c r="Q9" s="1" t="s">
        <v>12</v>
      </c>
      <c r="R9" s="1" t="s">
        <v>7</v>
      </c>
    </row>
    <row r="10" spans="1:18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104</v>
      </c>
      <c r="N10" s="1" t="s">
        <v>105</v>
      </c>
      <c r="O10" s="1" t="s">
        <v>106</v>
      </c>
      <c r="P10" s="1" t="s">
        <v>107</v>
      </c>
      <c r="Q10" s="1" t="s">
        <v>108</v>
      </c>
      <c r="R10" s="1" t="s">
        <v>7</v>
      </c>
    </row>
    <row r="11" spans="1:18" x14ac:dyDescent="0.2">
      <c r="A11" s="8" t="s">
        <v>7</v>
      </c>
      <c r="B11" s="8" t="s">
        <v>267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10">
        <v>0</v>
      </c>
      <c r="I11" s="8" t="s">
        <v>7</v>
      </c>
      <c r="J11" s="9">
        <v>0</v>
      </c>
      <c r="K11" s="9">
        <v>0</v>
      </c>
      <c r="L11" s="10">
        <v>0</v>
      </c>
      <c r="M11" s="8" t="s">
        <v>7</v>
      </c>
      <c r="N11" s="10">
        <v>0</v>
      </c>
      <c r="O11" s="8" t="s">
        <v>7</v>
      </c>
      <c r="P11" s="9">
        <v>0</v>
      </c>
      <c r="Q11" s="9">
        <v>0</v>
      </c>
      <c r="R11" s="8" t="s">
        <v>7</v>
      </c>
    </row>
    <row r="12" spans="1:18" x14ac:dyDescent="0.2">
      <c r="A12" s="3" t="s">
        <v>7</v>
      </c>
      <c r="B12" s="3" t="s">
        <v>75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12">
        <v>0</v>
      </c>
      <c r="I12" s="3" t="s">
        <v>7</v>
      </c>
      <c r="J12" s="11">
        <v>0</v>
      </c>
      <c r="K12" s="11">
        <v>0</v>
      </c>
      <c r="L12" s="12">
        <v>0</v>
      </c>
      <c r="M12" s="3" t="s">
        <v>7</v>
      </c>
      <c r="N12" s="12">
        <v>0</v>
      </c>
      <c r="O12" s="3" t="s">
        <v>7</v>
      </c>
      <c r="P12" s="11">
        <v>0</v>
      </c>
      <c r="Q12" s="11">
        <v>0</v>
      </c>
      <c r="R12" s="3" t="s">
        <v>7</v>
      </c>
    </row>
    <row r="13" spans="1:18" x14ac:dyDescent="0.2">
      <c r="A13" s="3" t="s">
        <v>7</v>
      </c>
      <c r="B13" s="3" t="s">
        <v>268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12">
        <v>0</v>
      </c>
      <c r="I13" s="3" t="s">
        <v>7</v>
      </c>
      <c r="J13" s="11">
        <v>0</v>
      </c>
      <c r="K13" s="11">
        <v>0</v>
      </c>
      <c r="L13" s="12">
        <v>0</v>
      </c>
      <c r="M13" s="3" t="s">
        <v>7</v>
      </c>
      <c r="N13" s="12">
        <v>0</v>
      </c>
      <c r="O13" s="3" t="s">
        <v>7</v>
      </c>
      <c r="P13" s="11">
        <v>0</v>
      </c>
      <c r="Q13" s="11">
        <v>0</v>
      </c>
      <c r="R13" s="3" t="s">
        <v>7</v>
      </c>
    </row>
    <row r="14" spans="1:18" x14ac:dyDescent="0.2">
      <c r="A14" s="3" t="s">
        <v>7</v>
      </c>
      <c r="B14" s="3" t="s">
        <v>269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12">
        <v>0</v>
      </c>
      <c r="I14" s="3" t="s">
        <v>7</v>
      </c>
      <c r="J14" s="11">
        <v>0</v>
      </c>
      <c r="K14" s="11">
        <v>0</v>
      </c>
      <c r="L14" s="12">
        <v>0</v>
      </c>
      <c r="M14" s="3" t="s">
        <v>7</v>
      </c>
      <c r="N14" s="12">
        <v>0</v>
      </c>
      <c r="O14" s="3" t="s">
        <v>7</v>
      </c>
      <c r="P14" s="11">
        <v>0</v>
      </c>
      <c r="Q14" s="11">
        <v>0</v>
      </c>
      <c r="R14" s="3" t="s">
        <v>7</v>
      </c>
    </row>
    <row r="15" spans="1:18" x14ac:dyDescent="0.2">
      <c r="A15" s="3" t="s">
        <v>7</v>
      </c>
      <c r="B15" s="3" t="s">
        <v>270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12">
        <v>0</v>
      </c>
      <c r="I15" s="3" t="s">
        <v>7</v>
      </c>
      <c r="J15" s="11">
        <v>0</v>
      </c>
      <c r="K15" s="11">
        <v>0</v>
      </c>
      <c r="L15" s="12">
        <v>0</v>
      </c>
      <c r="M15" s="3" t="s">
        <v>7</v>
      </c>
      <c r="N15" s="12">
        <v>0</v>
      </c>
      <c r="O15" s="3" t="s">
        <v>7</v>
      </c>
      <c r="P15" s="11">
        <v>0</v>
      </c>
      <c r="Q15" s="11">
        <v>0</v>
      </c>
      <c r="R15" s="3" t="s">
        <v>7</v>
      </c>
    </row>
    <row r="16" spans="1:18" x14ac:dyDescent="0.2">
      <c r="A16" s="3" t="s">
        <v>7</v>
      </c>
      <c r="B16" s="3" t="s">
        <v>88</v>
      </c>
      <c r="C16" s="3" t="s">
        <v>7</v>
      </c>
      <c r="D16" s="3" t="s">
        <v>7</v>
      </c>
      <c r="E16" s="3" t="s">
        <v>7</v>
      </c>
      <c r="F16" s="3" t="s">
        <v>7</v>
      </c>
      <c r="G16" s="3" t="s">
        <v>7</v>
      </c>
      <c r="H16" s="12">
        <v>0</v>
      </c>
      <c r="I16" s="3" t="s">
        <v>7</v>
      </c>
      <c r="J16" s="11">
        <v>0</v>
      </c>
      <c r="K16" s="11">
        <v>0</v>
      </c>
      <c r="L16" s="12">
        <v>0</v>
      </c>
      <c r="M16" s="3" t="s">
        <v>7</v>
      </c>
      <c r="N16" s="12">
        <v>0</v>
      </c>
      <c r="O16" s="3" t="s">
        <v>7</v>
      </c>
      <c r="P16" s="11">
        <v>0</v>
      </c>
      <c r="Q16" s="11">
        <v>0</v>
      </c>
      <c r="R16" s="3" t="s">
        <v>7</v>
      </c>
    </row>
    <row r="17" spans="1:18" x14ac:dyDescent="0.2">
      <c r="A17" s="3" t="s">
        <v>7</v>
      </c>
      <c r="B17" s="3" t="s">
        <v>268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12">
        <v>0</v>
      </c>
      <c r="I17" s="3" t="s">
        <v>7</v>
      </c>
      <c r="J17" s="11">
        <v>0</v>
      </c>
      <c r="K17" s="11">
        <v>0</v>
      </c>
      <c r="L17" s="12">
        <v>0</v>
      </c>
      <c r="M17" s="3" t="s">
        <v>7</v>
      </c>
      <c r="N17" s="12">
        <v>0</v>
      </c>
      <c r="O17" s="3" t="s">
        <v>7</v>
      </c>
      <c r="P17" s="11">
        <v>0</v>
      </c>
      <c r="Q17" s="11">
        <v>0</v>
      </c>
      <c r="R17" s="3" t="s">
        <v>7</v>
      </c>
    </row>
    <row r="18" spans="1:18" x14ac:dyDescent="0.2">
      <c r="A18" s="3" t="s">
        <v>7</v>
      </c>
      <c r="B18" s="3" t="s">
        <v>269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12">
        <v>0</v>
      </c>
      <c r="I18" s="3" t="s">
        <v>7</v>
      </c>
      <c r="J18" s="11">
        <v>0</v>
      </c>
      <c r="K18" s="11">
        <v>0</v>
      </c>
      <c r="L18" s="12">
        <v>0</v>
      </c>
      <c r="M18" s="3" t="s">
        <v>7</v>
      </c>
      <c r="N18" s="12">
        <v>0</v>
      </c>
      <c r="O18" s="3" t="s">
        <v>7</v>
      </c>
      <c r="P18" s="11">
        <v>0</v>
      </c>
      <c r="Q18" s="11">
        <v>0</v>
      </c>
      <c r="R18" s="3" t="s">
        <v>7</v>
      </c>
    </row>
    <row r="19" spans="1:18" x14ac:dyDescent="0.2">
      <c r="A19" s="3" t="s">
        <v>7</v>
      </c>
      <c r="B19" s="3" t="s">
        <v>271</v>
      </c>
      <c r="C19" s="3" t="s">
        <v>7</v>
      </c>
      <c r="D19" s="3" t="s">
        <v>7</v>
      </c>
      <c r="E19" s="3" t="s">
        <v>7</v>
      </c>
      <c r="F19" s="3" t="s">
        <v>7</v>
      </c>
      <c r="G19" s="3" t="s">
        <v>7</v>
      </c>
      <c r="H19" s="12">
        <v>0</v>
      </c>
      <c r="I19" s="3" t="s">
        <v>7</v>
      </c>
      <c r="J19" s="11">
        <v>0</v>
      </c>
      <c r="K19" s="11">
        <v>0</v>
      </c>
      <c r="L19" s="12">
        <v>0</v>
      </c>
      <c r="M19" s="3" t="s">
        <v>7</v>
      </c>
      <c r="N19" s="12">
        <v>0</v>
      </c>
      <c r="O19" s="3" t="s">
        <v>7</v>
      </c>
      <c r="P19" s="11">
        <v>0</v>
      </c>
      <c r="Q19" s="11">
        <v>0</v>
      </c>
      <c r="R19" s="3" t="s">
        <v>7</v>
      </c>
    </row>
    <row r="20" spans="1:18" x14ac:dyDescent="0.2">
      <c r="A20" s="8" t="s">
        <v>7</v>
      </c>
      <c r="B20" s="8" t="s">
        <v>90</v>
      </c>
      <c r="C20" s="8" t="s">
        <v>7</v>
      </c>
      <c r="D20" s="8" t="s">
        <v>7</v>
      </c>
      <c r="E20" s="8" t="s">
        <v>7</v>
      </c>
      <c r="F20" s="8" t="s">
        <v>7</v>
      </c>
      <c r="G20" s="8" t="s">
        <v>7</v>
      </c>
      <c r="H20" s="8" t="s">
        <v>7</v>
      </c>
      <c r="I20" s="8" t="s">
        <v>7</v>
      </c>
      <c r="J20" s="8" t="s">
        <v>7</v>
      </c>
      <c r="K20" s="8" t="s">
        <v>7</v>
      </c>
      <c r="L20" s="8" t="s">
        <v>7</v>
      </c>
      <c r="M20" s="8" t="s">
        <v>7</v>
      </c>
      <c r="N20" s="8" t="s">
        <v>7</v>
      </c>
      <c r="O20" s="8" t="s">
        <v>7</v>
      </c>
      <c r="P20" s="8" t="s">
        <v>7</v>
      </c>
      <c r="Q20" s="8" t="s">
        <v>7</v>
      </c>
      <c r="R20" s="8" t="s">
        <v>7</v>
      </c>
    </row>
    <row r="21" spans="1:18" x14ac:dyDescent="0.2">
      <c r="A21" s="8" t="s">
        <v>7</v>
      </c>
      <c r="B21" s="8" t="s">
        <v>129</v>
      </c>
      <c r="C21" s="8" t="s">
        <v>7</v>
      </c>
      <c r="D21" s="8" t="s">
        <v>7</v>
      </c>
      <c r="E21" s="8" t="s">
        <v>7</v>
      </c>
      <c r="F21" s="8" t="s">
        <v>7</v>
      </c>
      <c r="G21" s="8" t="s">
        <v>7</v>
      </c>
      <c r="H21" s="8" t="s">
        <v>7</v>
      </c>
      <c r="I21" s="8" t="s">
        <v>7</v>
      </c>
      <c r="J21" s="8" t="s">
        <v>7</v>
      </c>
      <c r="K21" s="8" t="s">
        <v>7</v>
      </c>
      <c r="L21" s="8" t="s">
        <v>7</v>
      </c>
      <c r="M21" s="8" t="s">
        <v>7</v>
      </c>
      <c r="N21" s="8" t="s">
        <v>7</v>
      </c>
      <c r="O21" s="8" t="s">
        <v>7</v>
      </c>
      <c r="P21" s="8" t="s">
        <v>7</v>
      </c>
      <c r="Q21" s="8" t="s">
        <v>7</v>
      </c>
      <c r="R21" s="8" t="s">
        <v>7</v>
      </c>
    </row>
    <row r="22" spans="1:18" x14ac:dyDescent="0.2">
      <c r="A22" s="7" t="s">
        <v>52</v>
      </c>
      <c r="B22" s="7" t="s">
        <v>53</v>
      </c>
    </row>
  </sheetData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8"/>
  <sheetViews>
    <sheetView rightToLeft="1" workbookViewId="0"/>
  </sheetViews>
  <sheetFormatPr defaultRowHeight="14.25" x14ac:dyDescent="0.2"/>
  <cols>
    <col min="1" max="1" width="2" customWidth="1"/>
    <col min="2" max="2" width="45" customWidth="1"/>
    <col min="3" max="3" width="11" customWidth="1"/>
    <col min="4" max="4" width="7" customWidth="1"/>
    <col min="5" max="5" width="9" customWidth="1"/>
    <col min="6" max="6" width="13" customWidth="1"/>
    <col min="7" max="7" width="6" customWidth="1"/>
    <col min="8" max="8" width="10" customWidth="1"/>
    <col min="9" max="9" width="13" customWidth="1"/>
    <col min="10" max="10" width="15" customWidth="1"/>
    <col min="11" max="11" width="10" customWidth="1"/>
    <col min="12" max="12" width="8" customWidth="1"/>
    <col min="13" max="13" width="11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1:17" x14ac:dyDescent="0.2">
      <c r="B1" s="7" t="s">
        <v>0</v>
      </c>
      <c r="C1" s="7" t="s">
        <v>1</v>
      </c>
    </row>
    <row r="2" spans="1:17" x14ac:dyDescent="0.2">
      <c r="B2" s="7" t="s">
        <v>2</v>
      </c>
      <c r="C2" s="7" t="s">
        <v>3</v>
      </c>
    </row>
    <row r="3" spans="1:17" x14ac:dyDescent="0.2">
      <c r="B3" s="7" t="s">
        <v>4</v>
      </c>
      <c r="C3" s="7" t="s">
        <v>5</v>
      </c>
    </row>
    <row r="4" spans="1:17" x14ac:dyDescent="0.2">
      <c r="B4" s="7" t="s">
        <v>6</v>
      </c>
      <c r="C4" s="7">
        <v>1476</v>
      </c>
    </row>
    <row r="5" spans="1:17" x14ac:dyDescent="0.2">
      <c r="B5" s="7" t="s">
        <v>7</v>
      </c>
      <c r="C5" s="7" t="s">
        <v>7</v>
      </c>
    </row>
    <row r="6" spans="1:17" x14ac:dyDescent="0.2">
      <c r="A6" s="1" t="s">
        <v>7</v>
      </c>
      <c r="B6" s="1" t="s">
        <v>27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</row>
    <row r="7" spans="1:17" x14ac:dyDescent="0.2">
      <c r="A7" s="1" t="s">
        <v>7</v>
      </c>
      <c r="B7" s="1" t="s">
        <v>273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</row>
    <row r="8" spans="1:17" x14ac:dyDescent="0.2">
      <c r="A8" s="1" t="s">
        <v>7</v>
      </c>
      <c r="B8" s="1" t="s">
        <v>55</v>
      </c>
      <c r="C8" s="1" t="s">
        <v>56</v>
      </c>
      <c r="D8" s="1" t="s">
        <v>58</v>
      </c>
      <c r="E8" s="1" t="s">
        <v>59</v>
      </c>
      <c r="F8" s="1" t="s">
        <v>94</v>
      </c>
      <c r="G8" s="1" t="s">
        <v>95</v>
      </c>
      <c r="H8" s="1" t="s">
        <v>60</v>
      </c>
      <c r="I8" s="1" t="s">
        <v>61</v>
      </c>
      <c r="J8" s="1" t="s">
        <v>62</v>
      </c>
      <c r="K8" s="1" t="s">
        <v>96</v>
      </c>
      <c r="L8" s="1" t="s">
        <v>97</v>
      </c>
      <c r="M8" s="1" t="s">
        <v>9</v>
      </c>
      <c r="N8" s="1" t="s">
        <v>99</v>
      </c>
      <c r="O8" s="1" t="s">
        <v>64</v>
      </c>
      <c r="P8" s="1" t="s">
        <v>100</v>
      </c>
      <c r="Q8" s="1" t="s">
        <v>7</v>
      </c>
    </row>
    <row r="9" spans="1:17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143</v>
      </c>
      <c r="G9" s="1" t="s">
        <v>101</v>
      </c>
      <c r="H9" s="1" t="s">
        <v>7</v>
      </c>
      <c r="I9" s="1" t="s">
        <v>12</v>
      </c>
      <c r="J9" s="1" t="s">
        <v>12</v>
      </c>
      <c r="K9" s="1" t="s">
        <v>102</v>
      </c>
      <c r="L9" s="1" t="s">
        <v>103</v>
      </c>
      <c r="M9" s="1" t="s">
        <v>11</v>
      </c>
      <c r="N9" s="1" t="s">
        <v>12</v>
      </c>
      <c r="O9" s="1" t="s">
        <v>12</v>
      </c>
      <c r="P9" s="1" t="s">
        <v>12</v>
      </c>
      <c r="Q9" s="1" t="s">
        <v>7</v>
      </c>
    </row>
    <row r="10" spans="1:17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104</v>
      </c>
      <c r="N10" s="1" t="s">
        <v>105</v>
      </c>
      <c r="O10" s="1" t="s">
        <v>106</v>
      </c>
      <c r="P10" s="1" t="s">
        <v>107</v>
      </c>
      <c r="Q10" s="1" t="s">
        <v>7</v>
      </c>
    </row>
    <row r="11" spans="1:17" x14ac:dyDescent="0.2">
      <c r="A11" s="8" t="s">
        <v>7</v>
      </c>
      <c r="B11" s="8" t="s">
        <v>110</v>
      </c>
      <c r="C11" s="8" t="s">
        <v>7</v>
      </c>
      <c r="D11" s="8" t="s">
        <v>7</v>
      </c>
      <c r="E11" s="8" t="s">
        <v>7</v>
      </c>
      <c r="F11" s="8" t="s">
        <v>7</v>
      </c>
      <c r="G11" s="10">
        <v>0</v>
      </c>
      <c r="H11" s="8" t="s">
        <v>7</v>
      </c>
      <c r="I11" s="9">
        <v>0</v>
      </c>
      <c r="J11" s="9">
        <v>0</v>
      </c>
      <c r="K11" s="10">
        <v>0</v>
      </c>
      <c r="L11" s="8" t="s">
        <v>7</v>
      </c>
      <c r="M11" s="10">
        <v>0</v>
      </c>
      <c r="N11" s="8" t="s">
        <v>7</v>
      </c>
      <c r="O11" s="9">
        <v>0</v>
      </c>
      <c r="P11" s="9">
        <v>0</v>
      </c>
      <c r="Q11" s="8" t="s">
        <v>7</v>
      </c>
    </row>
    <row r="12" spans="1:17" x14ac:dyDescent="0.2">
      <c r="A12" s="3" t="s">
        <v>7</v>
      </c>
      <c r="B12" s="3" t="s">
        <v>75</v>
      </c>
      <c r="C12" s="3" t="s">
        <v>7</v>
      </c>
      <c r="D12" s="3" t="s">
        <v>7</v>
      </c>
      <c r="E12" s="3" t="s">
        <v>7</v>
      </c>
      <c r="F12" s="3" t="s">
        <v>7</v>
      </c>
      <c r="G12" s="12">
        <v>0</v>
      </c>
      <c r="H12" s="3" t="s">
        <v>7</v>
      </c>
      <c r="I12" s="11">
        <v>0</v>
      </c>
      <c r="J12" s="11">
        <v>0</v>
      </c>
      <c r="K12" s="12">
        <v>0</v>
      </c>
      <c r="L12" s="3" t="s">
        <v>7</v>
      </c>
      <c r="M12" s="12">
        <v>0</v>
      </c>
      <c r="N12" s="3" t="s">
        <v>7</v>
      </c>
      <c r="O12" s="11">
        <v>0</v>
      </c>
      <c r="P12" s="11">
        <v>0</v>
      </c>
      <c r="Q12" s="3" t="s">
        <v>7</v>
      </c>
    </row>
    <row r="13" spans="1:17" x14ac:dyDescent="0.2">
      <c r="A13" s="3" t="s">
        <v>7</v>
      </c>
      <c r="B13" s="3" t="s">
        <v>88</v>
      </c>
      <c r="C13" s="3" t="s">
        <v>7</v>
      </c>
      <c r="D13" s="3" t="s">
        <v>7</v>
      </c>
      <c r="E13" s="3" t="s">
        <v>7</v>
      </c>
      <c r="F13" s="3" t="s">
        <v>7</v>
      </c>
      <c r="G13" s="12">
        <v>0</v>
      </c>
      <c r="H13" s="3" t="s">
        <v>7</v>
      </c>
      <c r="I13" s="11">
        <v>0</v>
      </c>
      <c r="J13" s="11">
        <v>0</v>
      </c>
      <c r="K13" s="12">
        <v>0</v>
      </c>
      <c r="L13" s="3" t="s">
        <v>7</v>
      </c>
      <c r="M13" s="12">
        <v>0</v>
      </c>
      <c r="N13" s="3" t="s">
        <v>7</v>
      </c>
      <c r="O13" s="11">
        <v>0</v>
      </c>
      <c r="P13" s="11">
        <v>0</v>
      </c>
      <c r="Q13" s="3" t="s">
        <v>7</v>
      </c>
    </row>
    <row r="14" spans="1:17" x14ac:dyDescent="0.2">
      <c r="A14" s="3" t="s">
        <v>7</v>
      </c>
      <c r="B14" s="3" t="s">
        <v>127</v>
      </c>
      <c r="C14" s="3" t="s">
        <v>7</v>
      </c>
      <c r="D14" s="3" t="s">
        <v>7</v>
      </c>
      <c r="E14" s="3" t="s">
        <v>7</v>
      </c>
      <c r="F14" s="3" t="s">
        <v>7</v>
      </c>
      <c r="G14" s="12">
        <v>0</v>
      </c>
      <c r="H14" s="3" t="s">
        <v>7</v>
      </c>
      <c r="I14" s="11">
        <v>0</v>
      </c>
      <c r="J14" s="11">
        <v>0</v>
      </c>
      <c r="K14" s="12">
        <v>0</v>
      </c>
      <c r="L14" s="3" t="s">
        <v>7</v>
      </c>
      <c r="M14" s="12">
        <v>0</v>
      </c>
      <c r="N14" s="3" t="s">
        <v>7</v>
      </c>
      <c r="O14" s="11">
        <v>0</v>
      </c>
      <c r="P14" s="11">
        <v>0</v>
      </c>
      <c r="Q14" s="3" t="s">
        <v>7</v>
      </c>
    </row>
    <row r="15" spans="1:17" x14ac:dyDescent="0.2">
      <c r="A15" s="3" t="s">
        <v>7</v>
      </c>
      <c r="B15" s="3" t="s">
        <v>274</v>
      </c>
      <c r="C15" s="3" t="s">
        <v>7</v>
      </c>
      <c r="D15" s="3" t="s">
        <v>7</v>
      </c>
      <c r="E15" s="3" t="s">
        <v>7</v>
      </c>
      <c r="F15" s="3" t="s">
        <v>7</v>
      </c>
      <c r="G15" s="12">
        <v>0</v>
      </c>
      <c r="H15" s="3" t="s">
        <v>7</v>
      </c>
      <c r="I15" s="11">
        <v>0</v>
      </c>
      <c r="J15" s="11">
        <v>0</v>
      </c>
      <c r="K15" s="12">
        <v>0</v>
      </c>
      <c r="L15" s="3" t="s">
        <v>7</v>
      </c>
      <c r="M15" s="12">
        <v>0</v>
      </c>
      <c r="N15" s="3" t="s">
        <v>7</v>
      </c>
      <c r="O15" s="11">
        <v>0</v>
      </c>
      <c r="P15" s="11">
        <v>0</v>
      </c>
      <c r="Q15" s="3" t="s">
        <v>7</v>
      </c>
    </row>
    <row r="16" spans="1:17" x14ac:dyDescent="0.2">
      <c r="A16" s="8" t="s">
        <v>7</v>
      </c>
      <c r="B16" s="8" t="s">
        <v>90</v>
      </c>
      <c r="C16" s="8" t="s">
        <v>7</v>
      </c>
      <c r="D16" s="8" t="s">
        <v>7</v>
      </c>
      <c r="E16" s="8" t="s">
        <v>7</v>
      </c>
      <c r="F16" s="8" t="s">
        <v>7</v>
      </c>
      <c r="G16" s="8" t="s">
        <v>7</v>
      </c>
      <c r="H16" s="8" t="s">
        <v>7</v>
      </c>
      <c r="I16" s="8" t="s">
        <v>7</v>
      </c>
      <c r="J16" s="8" t="s">
        <v>7</v>
      </c>
      <c r="K16" s="8" t="s">
        <v>7</v>
      </c>
      <c r="L16" s="8" t="s">
        <v>7</v>
      </c>
      <c r="M16" s="8" t="s">
        <v>7</v>
      </c>
      <c r="N16" s="8" t="s">
        <v>7</v>
      </c>
      <c r="O16" s="8" t="s">
        <v>7</v>
      </c>
      <c r="P16" s="8" t="s">
        <v>7</v>
      </c>
      <c r="Q16" s="8" t="s">
        <v>7</v>
      </c>
    </row>
    <row r="17" spans="1:17" x14ac:dyDescent="0.2">
      <c r="A17" s="8" t="s">
        <v>7</v>
      </c>
      <c r="B17" s="8" t="s">
        <v>129</v>
      </c>
      <c r="C17" s="8" t="s">
        <v>7</v>
      </c>
      <c r="D17" s="8" t="s">
        <v>7</v>
      </c>
      <c r="E17" s="8" t="s">
        <v>7</v>
      </c>
      <c r="F17" s="8" t="s">
        <v>7</v>
      </c>
      <c r="G17" s="8" t="s">
        <v>7</v>
      </c>
      <c r="H17" s="8" t="s">
        <v>7</v>
      </c>
      <c r="I17" s="8" t="s">
        <v>7</v>
      </c>
      <c r="J17" s="8" t="s">
        <v>7</v>
      </c>
      <c r="K17" s="8" t="s">
        <v>7</v>
      </c>
      <c r="L17" s="8" t="s">
        <v>7</v>
      </c>
      <c r="M17" s="8" t="s">
        <v>7</v>
      </c>
      <c r="N17" s="8" t="s">
        <v>7</v>
      </c>
      <c r="O17" s="8" t="s">
        <v>7</v>
      </c>
      <c r="P17" s="8" t="s">
        <v>7</v>
      </c>
      <c r="Q17" s="8" t="s">
        <v>7</v>
      </c>
    </row>
    <row r="18" spans="1:17" x14ac:dyDescent="0.2">
      <c r="A18" s="7" t="s">
        <v>52</v>
      </c>
      <c r="B18" s="7" t="s">
        <v>53</v>
      </c>
    </row>
  </sheetData>
  <pageMargins left="0.7" right="0.7" top="0.75" bottom="0.75" header="0.3" footer="0.3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22"/>
  <sheetViews>
    <sheetView rightToLeft="1" workbookViewId="0"/>
  </sheetViews>
  <sheetFormatPr defaultRowHeight="14.25" x14ac:dyDescent="0.2"/>
  <cols>
    <col min="1" max="1" width="2" customWidth="1"/>
    <col min="2" max="2" width="43" customWidth="1"/>
    <col min="3" max="4" width="11" customWidth="1"/>
    <col min="5" max="5" width="12" customWidth="1"/>
    <col min="6" max="6" width="10" customWidth="1"/>
    <col min="7" max="7" width="7" customWidth="1"/>
    <col min="8" max="8" width="9" customWidth="1"/>
    <col min="9" max="9" width="13" customWidth="1"/>
    <col min="10" max="10" width="6" customWidth="1"/>
    <col min="11" max="11" width="10" customWidth="1"/>
    <col min="12" max="12" width="13" customWidth="1"/>
    <col min="13" max="13" width="15" customWidth="1"/>
    <col min="14" max="14" width="10" customWidth="1"/>
    <col min="15" max="15" width="8" customWidth="1"/>
    <col min="16" max="16" width="11" customWidth="1"/>
    <col min="17" max="17" width="22" customWidth="1"/>
    <col min="18" max="18" width="24" customWidth="1"/>
    <col min="19" max="19" width="23" customWidth="1"/>
    <col min="20" max="20" width="2" customWidth="1"/>
  </cols>
  <sheetData>
    <row r="1" spans="1:20" x14ac:dyDescent="0.2">
      <c r="B1" s="7" t="s">
        <v>0</v>
      </c>
      <c r="C1" s="7" t="s">
        <v>1</v>
      </c>
    </row>
    <row r="2" spans="1:20" x14ac:dyDescent="0.2">
      <c r="B2" s="7" t="s">
        <v>2</v>
      </c>
      <c r="C2" s="7" t="s">
        <v>3</v>
      </c>
    </row>
    <row r="3" spans="1:20" x14ac:dyDescent="0.2">
      <c r="B3" s="7" t="s">
        <v>4</v>
      </c>
      <c r="C3" s="7" t="s">
        <v>5</v>
      </c>
    </row>
    <row r="4" spans="1:20" x14ac:dyDescent="0.2">
      <c r="B4" s="7" t="s">
        <v>6</v>
      </c>
      <c r="C4" s="7">
        <v>1476</v>
      </c>
    </row>
    <row r="5" spans="1:20" x14ac:dyDescent="0.2">
      <c r="B5" s="7" t="s">
        <v>7</v>
      </c>
      <c r="C5" s="7" t="s">
        <v>7</v>
      </c>
    </row>
    <row r="6" spans="1:20" x14ac:dyDescent="0.2">
      <c r="A6" s="1" t="s">
        <v>7</v>
      </c>
      <c r="B6" s="1" t="s">
        <v>27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</row>
    <row r="7" spans="1:20" x14ac:dyDescent="0.2">
      <c r="A7" s="1" t="s">
        <v>7</v>
      </c>
      <c r="B7" s="1" t="s">
        <v>275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</row>
    <row r="8" spans="1:20" x14ac:dyDescent="0.2">
      <c r="A8" s="1" t="s">
        <v>7</v>
      </c>
      <c r="B8" s="1" t="s">
        <v>55</v>
      </c>
      <c r="C8" s="1" t="s">
        <v>56</v>
      </c>
      <c r="D8" s="1" t="s">
        <v>131</v>
      </c>
      <c r="E8" s="1" t="s">
        <v>57</v>
      </c>
      <c r="F8" s="1" t="s">
        <v>132</v>
      </c>
      <c r="G8" s="1" t="s">
        <v>58</v>
      </c>
      <c r="H8" s="1" t="s">
        <v>59</v>
      </c>
      <c r="I8" s="1" t="s">
        <v>94</v>
      </c>
      <c r="J8" s="1" t="s">
        <v>95</v>
      </c>
      <c r="K8" s="1" t="s">
        <v>60</v>
      </c>
      <c r="L8" s="1" t="s">
        <v>61</v>
      </c>
      <c r="M8" s="1" t="s">
        <v>62</v>
      </c>
      <c r="N8" s="1" t="s">
        <v>96</v>
      </c>
      <c r="O8" s="1" t="s">
        <v>97</v>
      </c>
      <c r="P8" s="1" t="s">
        <v>9</v>
      </c>
      <c r="Q8" s="1" t="s">
        <v>99</v>
      </c>
      <c r="R8" s="1" t="s">
        <v>64</v>
      </c>
      <c r="S8" s="1" t="s">
        <v>100</v>
      </c>
      <c r="T8" s="1" t="s">
        <v>7</v>
      </c>
    </row>
    <row r="9" spans="1:20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143</v>
      </c>
      <c r="J9" s="1" t="s">
        <v>101</v>
      </c>
      <c r="K9" s="1" t="s">
        <v>7</v>
      </c>
      <c r="L9" s="1" t="s">
        <v>12</v>
      </c>
      <c r="M9" s="1" t="s">
        <v>12</v>
      </c>
      <c r="N9" s="1" t="s">
        <v>102</v>
      </c>
      <c r="O9" s="1" t="s">
        <v>103</v>
      </c>
      <c r="P9" s="1" t="s">
        <v>11</v>
      </c>
      <c r="Q9" s="1" t="s">
        <v>12</v>
      </c>
      <c r="R9" s="1" t="s">
        <v>12</v>
      </c>
      <c r="S9" s="1" t="s">
        <v>12</v>
      </c>
      <c r="T9" s="1" t="s">
        <v>7</v>
      </c>
    </row>
    <row r="10" spans="1:20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104</v>
      </c>
      <c r="N10" s="1" t="s">
        <v>105</v>
      </c>
      <c r="O10" s="1" t="s">
        <v>106</v>
      </c>
      <c r="P10" s="1" t="s">
        <v>107</v>
      </c>
      <c r="Q10" s="1" t="s">
        <v>108</v>
      </c>
      <c r="R10" s="1" t="s">
        <v>109</v>
      </c>
      <c r="S10" s="1" t="s">
        <v>133</v>
      </c>
      <c r="T10" s="1" t="s">
        <v>7</v>
      </c>
    </row>
    <row r="11" spans="1:20" x14ac:dyDescent="0.2">
      <c r="A11" s="8" t="s">
        <v>7</v>
      </c>
      <c r="B11" s="8" t="s">
        <v>136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8" t="s">
        <v>7</v>
      </c>
      <c r="I11" s="8" t="s">
        <v>7</v>
      </c>
      <c r="J11" s="10">
        <v>0</v>
      </c>
      <c r="K11" s="8" t="s">
        <v>7</v>
      </c>
      <c r="L11" s="9">
        <v>0</v>
      </c>
      <c r="M11" s="9">
        <v>0</v>
      </c>
      <c r="N11" s="10">
        <v>0</v>
      </c>
      <c r="O11" s="8" t="s">
        <v>7</v>
      </c>
      <c r="P11" s="10">
        <v>0</v>
      </c>
      <c r="Q11" s="8" t="s">
        <v>7</v>
      </c>
      <c r="R11" s="9">
        <v>0</v>
      </c>
      <c r="S11" s="9">
        <v>0</v>
      </c>
      <c r="T11" s="8" t="s">
        <v>7</v>
      </c>
    </row>
    <row r="12" spans="1:20" x14ac:dyDescent="0.2">
      <c r="A12" s="3" t="s">
        <v>7</v>
      </c>
      <c r="B12" s="3" t="s">
        <v>75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3" t="s">
        <v>7</v>
      </c>
      <c r="J12" s="12">
        <v>0</v>
      </c>
      <c r="K12" s="3" t="s">
        <v>7</v>
      </c>
      <c r="L12" s="11">
        <v>0</v>
      </c>
      <c r="M12" s="11">
        <v>0</v>
      </c>
      <c r="N12" s="12">
        <v>0</v>
      </c>
      <c r="O12" s="3" t="s">
        <v>7</v>
      </c>
      <c r="P12" s="12">
        <v>0</v>
      </c>
      <c r="Q12" s="3" t="s">
        <v>7</v>
      </c>
      <c r="R12" s="11">
        <v>0</v>
      </c>
      <c r="S12" s="11">
        <v>0</v>
      </c>
      <c r="T12" s="3" t="s">
        <v>7</v>
      </c>
    </row>
    <row r="13" spans="1:20" x14ac:dyDescent="0.2">
      <c r="A13" s="3" t="s">
        <v>7</v>
      </c>
      <c r="B13" s="3" t="s">
        <v>276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3" t="s">
        <v>7</v>
      </c>
      <c r="J13" s="12">
        <v>0</v>
      </c>
      <c r="K13" s="3" t="s">
        <v>7</v>
      </c>
      <c r="L13" s="11">
        <v>0</v>
      </c>
      <c r="M13" s="11">
        <v>0</v>
      </c>
      <c r="N13" s="12">
        <v>0</v>
      </c>
      <c r="O13" s="3" t="s">
        <v>7</v>
      </c>
      <c r="P13" s="12">
        <v>0</v>
      </c>
      <c r="Q13" s="3" t="s">
        <v>7</v>
      </c>
      <c r="R13" s="11">
        <v>0</v>
      </c>
      <c r="S13" s="11">
        <v>0</v>
      </c>
      <c r="T13" s="3" t="s">
        <v>7</v>
      </c>
    </row>
    <row r="14" spans="1:20" x14ac:dyDescent="0.2">
      <c r="A14" s="3" t="s">
        <v>7</v>
      </c>
      <c r="B14" s="3" t="s">
        <v>277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3" t="s">
        <v>7</v>
      </c>
      <c r="I14" s="3" t="s">
        <v>7</v>
      </c>
      <c r="J14" s="12">
        <v>0</v>
      </c>
      <c r="K14" s="3" t="s">
        <v>7</v>
      </c>
      <c r="L14" s="11">
        <v>0</v>
      </c>
      <c r="M14" s="11">
        <v>0</v>
      </c>
      <c r="N14" s="12">
        <v>0</v>
      </c>
      <c r="O14" s="3" t="s">
        <v>7</v>
      </c>
      <c r="P14" s="12">
        <v>0</v>
      </c>
      <c r="Q14" s="3" t="s">
        <v>7</v>
      </c>
      <c r="R14" s="11">
        <v>0</v>
      </c>
      <c r="S14" s="11">
        <v>0</v>
      </c>
      <c r="T14" s="3" t="s">
        <v>7</v>
      </c>
    </row>
    <row r="15" spans="1:20" x14ac:dyDescent="0.2">
      <c r="A15" s="3" t="s">
        <v>7</v>
      </c>
      <c r="B15" s="3" t="s">
        <v>138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3" t="s">
        <v>7</v>
      </c>
      <c r="I15" s="3" t="s">
        <v>7</v>
      </c>
      <c r="J15" s="12">
        <v>0</v>
      </c>
      <c r="K15" s="3" t="s">
        <v>7</v>
      </c>
      <c r="L15" s="11">
        <v>0</v>
      </c>
      <c r="M15" s="11">
        <v>0</v>
      </c>
      <c r="N15" s="12">
        <v>0</v>
      </c>
      <c r="O15" s="3" t="s">
        <v>7</v>
      </c>
      <c r="P15" s="12">
        <v>0</v>
      </c>
      <c r="Q15" s="3" t="s">
        <v>7</v>
      </c>
      <c r="R15" s="11">
        <v>0</v>
      </c>
      <c r="S15" s="11">
        <v>0</v>
      </c>
      <c r="T15" s="3" t="s">
        <v>7</v>
      </c>
    </row>
    <row r="16" spans="1:20" x14ac:dyDescent="0.2">
      <c r="A16" s="3" t="s">
        <v>7</v>
      </c>
      <c r="B16" s="3" t="s">
        <v>235</v>
      </c>
      <c r="C16" s="3" t="s">
        <v>7</v>
      </c>
      <c r="D16" s="3" t="s">
        <v>7</v>
      </c>
      <c r="E16" s="3" t="s">
        <v>7</v>
      </c>
      <c r="F16" s="3" t="s">
        <v>7</v>
      </c>
      <c r="G16" s="3" t="s">
        <v>7</v>
      </c>
      <c r="H16" s="3" t="s">
        <v>7</v>
      </c>
      <c r="I16" s="3" t="s">
        <v>7</v>
      </c>
      <c r="J16" s="3" t="s">
        <v>7</v>
      </c>
      <c r="K16" s="3" t="s">
        <v>7</v>
      </c>
      <c r="L16" s="3" t="s">
        <v>7</v>
      </c>
      <c r="M16" s="3" t="s">
        <v>7</v>
      </c>
      <c r="N16" s="3" t="s">
        <v>7</v>
      </c>
      <c r="O16" s="3" t="s">
        <v>7</v>
      </c>
      <c r="P16" s="3" t="s">
        <v>7</v>
      </c>
      <c r="Q16" s="3" t="s">
        <v>7</v>
      </c>
      <c r="R16" s="3" t="s">
        <v>7</v>
      </c>
      <c r="S16" s="3" t="s">
        <v>7</v>
      </c>
      <c r="T16" s="3" t="s">
        <v>7</v>
      </c>
    </row>
    <row r="17" spans="1:20" x14ac:dyDescent="0.2">
      <c r="A17" s="3" t="s">
        <v>7</v>
      </c>
      <c r="B17" s="3" t="s">
        <v>88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3" t="s">
        <v>7</v>
      </c>
      <c r="I17" s="3" t="s">
        <v>7</v>
      </c>
      <c r="J17" s="12">
        <v>0</v>
      </c>
      <c r="K17" s="3" t="s">
        <v>7</v>
      </c>
      <c r="L17" s="11">
        <v>0</v>
      </c>
      <c r="M17" s="11">
        <v>0</v>
      </c>
      <c r="N17" s="12">
        <v>0</v>
      </c>
      <c r="O17" s="3" t="s">
        <v>7</v>
      </c>
      <c r="P17" s="12">
        <v>0</v>
      </c>
      <c r="Q17" s="3" t="s">
        <v>7</v>
      </c>
      <c r="R17" s="11">
        <v>0</v>
      </c>
      <c r="S17" s="11">
        <v>0</v>
      </c>
      <c r="T17" s="3" t="s">
        <v>7</v>
      </c>
    </row>
    <row r="18" spans="1:20" x14ac:dyDescent="0.2">
      <c r="A18" s="3" t="s">
        <v>7</v>
      </c>
      <c r="B18" s="3" t="s">
        <v>278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3" t="s">
        <v>7</v>
      </c>
      <c r="I18" s="3" t="s">
        <v>7</v>
      </c>
      <c r="J18" s="12">
        <v>0</v>
      </c>
      <c r="K18" s="3" t="s">
        <v>7</v>
      </c>
      <c r="L18" s="11">
        <v>0</v>
      </c>
      <c r="M18" s="11">
        <v>0</v>
      </c>
      <c r="N18" s="12">
        <v>0</v>
      </c>
      <c r="O18" s="3" t="s">
        <v>7</v>
      </c>
      <c r="P18" s="12">
        <v>0</v>
      </c>
      <c r="Q18" s="3" t="s">
        <v>7</v>
      </c>
      <c r="R18" s="11">
        <v>0</v>
      </c>
      <c r="S18" s="11">
        <v>0</v>
      </c>
      <c r="T18" s="3" t="s">
        <v>7</v>
      </c>
    </row>
    <row r="19" spans="1:20" x14ac:dyDescent="0.2">
      <c r="A19" s="3" t="s">
        <v>7</v>
      </c>
      <c r="B19" s="3" t="s">
        <v>279</v>
      </c>
      <c r="C19" s="3" t="s">
        <v>7</v>
      </c>
      <c r="D19" s="3" t="s">
        <v>7</v>
      </c>
      <c r="E19" s="3" t="s">
        <v>7</v>
      </c>
      <c r="F19" s="3" t="s">
        <v>7</v>
      </c>
      <c r="G19" s="3" t="s">
        <v>7</v>
      </c>
      <c r="H19" s="3" t="s">
        <v>7</v>
      </c>
      <c r="I19" s="3" t="s">
        <v>7</v>
      </c>
      <c r="J19" s="12">
        <v>0</v>
      </c>
      <c r="K19" s="3" t="s">
        <v>7</v>
      </c>
      <c r="L19" s="11">
        <v>0</v>
      </c>
      <c r="M19" s="11">
        <v>0</v>
      </c>
      <c r="N19" s="12">
        <v>0</v>
      </c>
      <c r="O19" s="3" t="s">
        <v>7</v>
      </c>
      <c r="P19" s="12">
        <v>0</v>
      </c>
      <c r="Q19" s="3" t="s">
        <v>7</v>
      </c>
      <c r="R19" s="11">
        <v>0</v>
      </c>
      <c r="S19" s="11">
        <v>0</v>
      </c>
      <c r="T19" s="3" t="s">
        <v>7</v>
      </c>
    </row>
    <row r="20" spans="1:20" x14ac:dyDescent="0.2">
      <c r="A20" s="8" t="s">
        <v>7</v>
      </c>
      <c r="B20" s="8" t="s">
        <v>90</v>
      </c>
      <c r="C20" s="8" t="s">
        <v>7</v>
      </c>
      <c r="D20" s="8" t="s">
        <v>7</v>
      </c>
      <c r="E20" s="8" t="s">
        <v>7</v>
      </c>
      <c r="F20" s="8" t="s">
        <v>7</v>
      </c>
      <c r="G20" s="8" t="s">
        <v>7</v>
      </c>
      <c r="H20" s="8" t="s">
        <v>7</v>
      </c>
      <c r="I20" s="8" t="s">
        <v>7</v>
      </c>
      <c r="J20" s="8" t="s">
        <v>7</v>
      </c>
      <c r="K20" s="8" t="s">
        <v>7</v>
      </c>
      <c r="L20" s="8" t="s">
        <v>7</v>
      </c>
      <c r="M20" s="8" t="s">
        <v>7</v>
      </c>
      <c r="N20" s="8" t="s">
        <v>7</v>
      </c>
      <c r="O20" s="8" t="s">
        <v>7</v>
      </c>
      <c r="P20" s="8" t="s">
        <v>7</v>
      </c>
      <c r="Q20" s="8" t="s">
        <v>7</v>
      </c>
      <c r="R20" s="8" t="s">
        <v>7</v>
      </c>
      <c r="S20" s="8" t="s">
        <v>7</v>
      </c>
      <c r="T20" s="8" t="s">
        <v>7</v>
      </c>
    </row>
    <row r="21" spans="1:20" x14ac:dyDescent="0.2">
      <c r="A21" s="8" t="s">
        <v>7</v>
      </c>
      <c r="B21" s="8" t="s">
        <v>129</v>
      </c>
      <c r="C21" s="8" t="s">
        <v>7</v>
      </c>
      <c r="D21" s="8" t="s">
        <v>7</v>
      </c>
      <c r="E21" s="8" t="s">
        <v>7</v>
      </c>
      <c r="F21" s="8" t="s">
        <v>7</v>
      </c>
      <c r="G21" s="8" t="s">
        <v>7</v>
      </c>
      <c r="H21" s="8" t="s">
        <v>7</v>
      </c>
      <c r="I21" s="8" t="s">
        <v>7</v>
      </c>
      <c r="J21" s="8" t="s">
        <v>7</v>
      </c>
      <c r="K21" s="8" t="s">
        <v>7</v>
      </c>
      <c r="L21" s="8" t="s">
        <v>7</v>
      </c>
      <c r="M21" s="8" t="s">
        <v>7</v>
      </c>
      <c r="N21" s="8" t="s">
        <v>7</v>
      </c>
      <c r="O21" s="8" t="s">
        <v>7</v>
      </c>
      <c r="P21" s="8" t="s">
        <v>7</v>
      </c>
      <c r="Q21" s="8" t="s">
        <v>7</v>
      </c>
      <c r="R21" s="8" t="s">
        <v>7</v>
      </c>
      <c r="S21" s="8" t="s">
        <v>7</v>
      </c>
      <c r="T21" s="8" t="s">
        <v>7</v>
      </c>
    </row>
    <row r="22" spans="1:20" x14ac:dyDescent="0.2">
      <c r="A22" s="7" t="s">
        <v>52</v>
      </c>
      <c r="B22" s="7" t="s">
        <v>53</v>
      </c>
    </row>
  </sheetData>
  <pageMargins left="0.7" right="0.7" top="0.75" bottom="0.75" header="0.3" footer="0.3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23"/>
  <sheetViews>
    <sheetView rightToLeft="1" topLeftCell="A7" workbookViewId="0"/>
  </sheetViews>
  <sheetFormatPr defaultRowHeight="14.25" x14ac:dyDescent="0.2"/>
  <cols>
    <col min="1" max="1" width="2" customWidth="1"/>
    <col min="2" max="2" width="37" customWidth="1"/>
    <col min="3" max="4" width="11" customWidth="1"/>
    <col min="5" max="5" width="12" customWidth="1"/>
    <col min="6" max="6" width="10" customWidth="1"/>
    <col min="7" max="7" width="8" customWidth="1"/>
    <col min="8" max="8" width="9" customWidth="1"/>
    <col min="9" max="9" width="13" customWidth="1"/>
    <col min="10" max="10" width="6" customWidth="1"/>
    <col min="11" max="11" width="10" customWidth="1"/>
    <col min="12" max="12" width="13" customWidth="1"/>
    <col min="13" max="13" width="15" customWidth="1"/>
    <col min="14" max="14" width="12" customWidth="1"/>
    <col min="15" max="15" width="8" customWidth="1"/>
    <col min="16" max="16" width="11" customWidth="1"/>
    <col min="17" max="17" width="22" customWidth="1"/>
    <col min="18" max="18" width="24" customWidth="1"/>
    <col min="19" max="19" width="23" customWidth="1"/>
    <col min="20" max="20" width="2" customWidth="1"/>
  </cols>
  <sheetData>
    <row r="1" spans="1:20" x14ac:dyDescent="0.2">
      <c r="B1" s="7" t="s">
        <v>0</v>
      </c>
      <c r="C1" s="7" t="s">
        <v>1</v>
      </c>
    </row>
    <row r="2" spans="1:20" x14ac:dyDescent="0.2">
      <c r="B2" s="7" t="s">
        <v>2</v>
      </c>
      <c r="C2" s="7" t="s">
        <v>3</v>
      </c>
    </row>
    <row r="3" spans="1:20" x14ac:dyDescent="0.2">
      <c r="B3" s="7" t="s">
        <v>4</v>
      </c>
      <c r="C3" s="7" t="s">
        <v>5</v>
      </c>
    </row>
    <row r="4" spans="1:20" x14ac:dyDescent="0.2">
      <c r="B4" s="7" t="s">
        <v>6</v>
      </c>
      <c r="C4" s="7">
        <v>1476</v>
      </c>
    </row>
    <row r="5" spans="1:20" x14ac:dyDescent="0.2">
      <c r="B5" s="7" t="s">
        <v>7</v>
      </c>
      <c r="C5" s="7" t="s">
        <v>7</v>
      </c>
    </row>
    <row r="6" spans="1:20" x14ac:dyDescent="0.2">
      <c r="A6" s="1" t="s">
        <v>7</v>
      </c>
      <c r="B6" s="1" t="s">
        <v>27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</row>
    <row r="7" spans="1:20" x14ac:dyDescent="0.2">
      <c r="A7" s="1" t="s">
        <v>7</v>
      </c>
      <c r="B7" s="1" t="s">
        <v>280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</row>
    <row r="8" spans="1:20" x14ac:dyDescent="0.2">
      <c r="A8" s="1" t="s">
        <v>7</v>
      </c>
      <c r="B8" s="1" t="s">
        <v>55</v>
      </c>
      <c r="C8" s="1" t="s">
        <v>56</v>
      </c>
      <c r="D8" s="1" t="s">
        <v>131</v>
      </c>
      <c r="E8" s="1" t="s">
        <v>57</v>
      </c>
      <c r="F8" s="1" t="s">
        <v>132</v>
      </c>
      <c r="G8" s="1" t="s">
        <v>58</v>
      </c>
      <c r="H8" s="1" t="s">
        <v>59</v>
      </c>
      <c r="I8" s="1" t="s">
        <v>94</v>
      </c>
      <c r="J8" s="1" t="s">
        <v>95</v>
      </c>
      <c r="K8" s="1" t="s">
        <v>60</v>
      </c>
      <c r="L8" s="1" t="s">
        <v>61</v>
      </c>
      <c r="M8" s="1" t="s">
        <v>62</v>
      </c>
      <c r="N8" s="1" t="s">
        <v>96</v>
      </c>
      <c r="O8" s="1" t="s">
        <v>97</v>
      </c>
      <c r="P8" s="1" t="s">
        <v>9</v>
      </c>
      <c r="Q8" s="1" t="s">
        <v>99</v>
      </c>
      <c r="R8" s="1" t="s">
        <v>64</v>
      </c>
      <c r="S8" s="1" t="s">
        <v>100</v>
      </c>
      <c r="T8" s="1" t="s">
        <v>7</v>
      </c>
    </row>
    <row r="9" spans="1:20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101</v>
      </c>
      <c r="K9" s="1" t="s">
        <v>7</v>
      </c>
      <c r="L9" s="1" t="s">
        <v>12</v>
      </c>
      <c r="M9" s="1" t="s">
        <v>12</v>
      </c>
      <c r="N9" s="1" t="s">
        <v>102</v>
      </c>
      <c r="O9" s="1" t="s">
        <v>103</v>
      </c>
      <c r="P9" s="1" t="s">
        <v>11</v>
      </c>
      <c r="Q9" s="1" t="s">
        <v>12</v>
      </c>
      <c r="R9" s="1" t="s">
        <v>12</v>
      </c>
      <c r="S9" s="1" t="s">
        <v>12</v>
      </c>
      <c r="T9" s="1" t="s">
        <v>7</v>
      </c>
    </row>
    <row r="10" spans="1:20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104</v>
      </c>
      <c r="N10" s="1" t="s">
        <v>105</v>
      </c>
      <c r="O10" s="1" t="s">
        <v>106</v>
      </c>
      <c r="P10" s="1" t="s">
        <v>107</v>
      </c>
      <c r="Q10" s="1" t="s">
        <v>108</v>
      </c>
      <c r="R10" s="1" t="s">
        <v>109</v>
      </c>
      <c r="S10" s="1" t="s">
        <v>133</v>
      </c>
      <c r="T10" s="1" t="s">
        <v>7</v>
      </c>
    </row>
    <row r="11" spans="1:20" x14ac:dyDescent="0.2">
      <c r="A11" s="8" t="s">
        <v>7</v>
      </c>
      <c r="B11" s="8" t="s">
        <v>245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8" t="s">
        <v>7</v>
      </c>
      <c r="I11" s="8" t="s">
        <v>7</v>
      </c>
      <c r="J11" s="10">
        <v>6.25</v>
      </c>
      <c r="K11" s="8" t="s">
        <v>7</v>
      </c>
      <c r="L11" s="9">
        <v>3.7400000000000003E-2</v>
      </c>
      <c r="M11" s="9">
        <v>1.7999999999999999E-2</v>
      </c>
      <c r="N11" s="10">
        <v>373360</v>
      </c>
      <c r="O11" s="8" t="s">
        <v>7</v>
      </c>
      <c r="P11" s="10">
        <v>420.37</v>
      </c>
      <c r="Q11" s="8" t="s">
        <v>7</v>
      </c>
      <c r="R11" s="9">
        <v>1</v>
      </c>
      <c r="S11" s="9">
        <v>9.2999999999999992E-3</v>
      </c>
      <c r="T11" s="8" t="s">
        <v>7</v>
      </c>
    </row>
    <row r="12" spans="1:20" x14ac:dyDescent="0.2">
      <c r="A12" s="3" t="s">
        <v>7</v>
      </c>
      <c r="B12" s="3" t="s">
        <v>75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3" t="s">
        <v>7</v>
      </c>
      <c r="J12" s="12">
        <v>6.25</v>
      </c>
      <c r="K12" s="3" t="s">
        <v>7</v>
      </c>
      <c r="L12" s="11">
        <v>3.7400000000000003E-2</v>
      </c>
      <c r="M12" s="11">
        <v>1.7999999999999999E-2</v>
      </c>
      <c r="N12" s="12">
        <v>373360</v>
      </c>
      <c r="O12" s="3" t="s">
        <v>7</v>
      </c>
      <c r="P12" s="12">
        <v>420.37</v>
      </c>
      <c r="Q12" s="3" t="s">
        <v>7</v>
      </c>
      <c r="R12" s="11">
        <v>1</v>
      </c>
      <c r="S12" s="11">
        <v>9.2999999999999992E-3</v>
      </c>
      <c r="T12" s="3" t="s">
        <v>7</v>
      </c>
    </row>
    <row r="13" spans="1:20" x14ac:dyDescent="0.2">
      <c r="A13" s="3" t="s">
        <v>7</v>
      </c>
      <c r="B13" s="3" t="s">
        <v>276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3" t="s">
        <v>7</v>
      </c>
      <c r="J13" s="12">
        <v>0</v>
      </c>
      <c r="K13" s="3" t="s">
        <v>7</v>
      </c>
      <c r="L13" s="11">
        <v>0</v>
      </c>
      <c r="M13" s="11">
        <v>0</v>
      </c>
      <c r="N13" s="12">
        <v>0</v>
      </c>
      <c r="O13" s="3" t="s">
        <v>7</v>
      </c>
      <c r="P13" s="12">
        <v>0</v>
      </c>
      <c r="Q13" s="3" t="s">
        <v>7</v>
      </c>
      <c r="R13" s="11">
        <v>0</v>
      </c>
      <c r="S13" s="11">
        <v>0</v>
      </c>
      <c r="T13" s="3" t="s">
        <v>7</v>
      </c>
    </row>
    <row r="14" spans="1:20" x14ac:dyDescent="0.2">
      <c r="A14" s="3" t="s">
        <v>7</v>
      </c>
      <c r="B14" s="3" t="s">
        <v>277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3" t="s">
        <v>7</v>
      </c>
      <c r="I14" s="3" t="s">
        <v>7</v>
      </c>
      <c r="J14" s="12">
        <v>6.25</v>
      </c>
      <c r="K14" s="3" t="s">
        <v>7</v>
      </c>
      <c r="L14" s="11">
        <v>3.7400000000000003E-2</v>
      </c>
      <c r="M14" s="11">
        <v>1.7999999999999999E-2</v>
      </c>
      <c r="N14" s="12">
        <v>373360</v>
      </c>
      <c r="O14" s="3" t="s">
        <v>7</v>
      </c>
      <c r="P14" s="12">
        <v>420.37</v>
      </c>
      <c r="Q14" s="3" t="s">
        <v>7</v>
      </c>
      <c r="R14" s="11">
        <v>1</v>
      </c>
      <c r="S14" s="11">
        <v>9.2999999999999992E-3</v>
      </c>
      <c r="T14" s="3" t="s">
        <v>7</v>
      </c>
    </row>
    <row r="15" spans="1:20" x14ac:dyDescent="0.2">
      <c r="A15" s="13" t="s">
        <v>7</v>
      </c>
      <c r="B15" s="13" t="s">
        <v>281</v>
      </c>
      <c r="C15" s="14">
        <v>1140284</v>
      </c>
      <c r="D15" s="13" t="s">
        <v>7</v>
      </c>
      <c r="E15" s="14">
        <v>520042185</v>
      </c>
      <c r="F15" s="13" t="s">
        <v>282</v>
      </c>
      <c r="G15" s="13" t="s">
        <v>283</v>
      </c>
      <c r="H15" s="13" t="s">
        <v>154</v>
      </c>
      <c r="I15" s="13" t="s">
        <v>284</v>
      </c>
      <c r="J15" s="16">
        <v>6.25</v>
      </c>
      <c r="K15" s="13" t="s">
        <v>81</v>
      </c>
      <c r="L15" s="15">
        <v>3.7400000000000003E-2</v>
      </c>
      <c r="M15" s="15">
        <v>1.7999999999999999E-2</v>
      </c>
      <c r="N15" s="16">
        <v>373360</v>
      </c>
      <c r="O15" s="16">
        <v>112.59</v>
      </c>
      <c r="P15" s="16">
        <v>420.37</v>
      </c>
      <c r="Q15" s="15">
        <v>8.0000000000000004E-4</v>
      </c>
      <c r="R15" s="15">
        <v>1</v>
      </c>
      <c r="S15" s="15">
        <v>9.2999999999999992E-3</v>
      </c>
      <c r="T15" s="13" t="s">
        <v>7</v>
      </c>
    </row>
    <row r="16" spans="1:20" x14ac:dyDescent="0.2">
      <c r="A16" s="3" t="s">
        <v>7</v>
      </c>
      <c r="B16" s="3" t="s">
        <v>138</v>
      </c>
      <c r="C16" s="3" t="s">
        <v>7</v>
      </c>
      <c r="D16" s="3" t="s">
        <v>7</v>
      </c>
      <c r="E16" s="3" t="s">
        <v>7</v>
      </c>
      <c r="F16" s="3" t="s">
        <v>7</v>
      </c>
      <c r="G16" s="3" t="s">
        <v>7</v>
      </c>
      <c r="H16" s="3" t="s">
        <v>7</v>
      </c>
      <c r="I16" s="3" t="s">
        <v>7</v>
      </c>
      <c r="J16" s="12">
        <v>0</v>
      </c>
      <c r="K16" s="3" t="s">
        <v>7</v>
      </c>
      <c r="L16" s="11">
        <v>0</v>
      </c>
      <c r="M16" s="11">
        <v>0</v>
      </c>
      <c r="N16" s="12">
        <v>0</v>
      </c>
      <c r="O16" s="3" t="s">
        <v>7</v>
      </c>
      <c r="P16" s="12">
        <v>0</v>
      </c>
      <c r="Q16" s="3" t="s">
        <v>7</v>
      </c>
      <c r="R16" s="11">
        <v>0</v>
      </c>
      <c r="S16" s="11">
        <v>0</v>
      </c>
      <c r="T16" s="3" t="s">
        <v>7</v>
      </c>
    </row>
    <row r="17" spans="1:20" x14ac:dyDescent="0.2">
      <c r="A17" s="3" t="s">
        <v>7</v>
      </c>
      <c r="B17" s="3" t="s">
        <v>235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3" t="s">
        <v>7</v>
      </c>
      <c r="I17" s="3" t="s">
        <v>7</v>
      </c>
      <c r="J17" s="12">
        <v>0</v>
      </c>
      <c r="K17" s="3" t="s">
        <v>7</v>
      </c>
      <c r="L17" s="11">
        <v>0</v>
      </c>
      <c r="M17" s="11">
        <v>0</v>
      </c>
      <c r="N17" s="12">
        <v>0</v>
      </c>
      <c r="O17" s="3" t="s">
        <v>7</v>
      </c>
      <c r="P17" s="12">
        <v>0</v>
      </c>
      <c r="Q17" s="3" t="s">
        <v>7</v>
      </c>
      <c r="R17" s="11">
        <v>0</v>
      </c>
      <c r="S17" s="11">
        <v>0</v>
      </c>
      <c r="T17" s="3" t="s">
        <v>7</v>
      </c>
    </row>
    <row r="18" spans="1:20" x14ac:dyDescent="0.2">
      <c r="A18" s="3" t="s">
        <v>7</v>
      </c>
      <c r="B18" s="3" t="s">
        <v>88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3" t="s">
        <v>7</v>
      </c>
      <c r="I18" s="3" t="s">
        <v>7</v>
      </c>
      <c r="J18" s="12">
        <v>0</v>
      </c>
      <c r="K18" s="3" t="s">
        <v>7</v>
      </c>
      <c r="L18" s="11">
        <v>0</v>
      </c>
      <c r="M18" s="11">
        <v>0</v>
      </c>
      <c r="N18" s="12">
        <v>0</v>
      </c>
      <c r="O18" s="3" t="s">
        <v>7</v>
      </c>
      <c r="P18" s="12">
        <v>0</v>
      </c>
      <c r="Q18" s="3" t="s">
        <v>7</v>
      </c>
      <c r="R18" s="11">
        <v>0</v>
      </c>
      <c r="S18" s="11">
        <v>0</v>
      </c>
      <c r="T18" s="3" t="s">
        <v>7</v>
      </c>
    </row>
    <row r="19" spans="1:20" x14ac:dyDescent="0.2">
      <c r="A19" s="3" t="s">
        <v>7</v>
      </c>
      <c r="B19" s="3" t="s">
        <v>285</v>
      </c>
      <c r="C19" s="3" t="s">
        <v>7</v>
      </c>
      <c r="D19" s="3" t="s">
        <v>7</v>
      </c>
      <c r="E19" s="3" t="s">
        <v>7</v>
      </c>
      <c r="F19" s="3" t="s">
        <v>7</v>
      </c>
      <c r="G19" s="3" t="s">
        <v>7</v>
      </c>
      <c r="H19" s="3" t="s">
        <v>7</v>
      </c>
      <c r="I19" s="3" t="s">
        <v>7</v>
      </c>
      <c r="J19" s="12">
        <v>0</v>
      </c>
      <c r="K19" s="3" t="s">
        <v>7</v>
      </c>
      <c r="L19" s="11">
        <v>0</v>
      </c>
      <c r="M19" s="11">
        <v>0</v>
      </c>
      <c r="N19" s="12">
        <v>0</v>
      </c>
      <c r="O19" s="3" t="s">
        <v>7</v>
      </c>
      <c r="P19" s="12">
        <v>0</v>
      </c>
      <c r="Q19" s="3" t="s">
        <v>7</v>
      </c>
      <c r="R19" s="11">
        <v>0</v>
      </c>
      <c r="S19" s="11">
        <v>0</v>
      </c>
      <c r="T19" s="3" t="s">
        <v>7</v>
      </c>
    </row>
    <row r="20" spans="1:20" x14ac:dyDescent="0.2">
      <c r="A20" s="3" t="s">
        <v>7</v>
      </c>
      <c r="B20" s="3" t="s">
        <v>286</v>
      </c>
      <c r="C20" s="3" t="s">
        <v>7</v>
      </c>
      <c r="D20" s="3" t="s">
        <v>7</v>
      </c>
      <c r="E20" s="3" t="s">
        <v>7</v>
      </c>
      <c r="F20" s="3" t="s">
        <v>7</v>
      </c>
      <c r="G20" s="3" t="s">
        <v>7</v>
      </c>
      <c r="H20" s="3" t="s">
        <v>7</v>
      </c>
      <c r="I20" s="3" t="s">
        <v>7</v>
      </c>
      <c r="J20" s="12">
        <v>0</v>
      </c>
      <c r="K20" s="3" t="s">
        <v>7</v>
      </c>
      <c r="L20" s="11">
        <v>0</v>
      </c>
      <c r="M20" s="11">
        <v>0</v>
      </c>
      <c r="N20" s="12">
        <v>0</v>
      </c>
      <c r="O20" s="3" t="s">
        <v>7</v>
      </c>
      <c r="P20" s="12">
        <v>0</v>
      </c>
      <c r="Q20" s="3" t="s">
        <v>7</v>
      </c>
      <c r="R20" s="11">
        <v>0</v>
      </c>
      <c r="S20" s="11">
        <v>0</v>
      </c>
      <c r="T20" s="3" t="s">
        <v>7</v>
      </c>
    </row>
    <row r="21" spans="1:20" x14ac:dyDescent="0.2">
      <c r="A21" s="8" t="s">
        <v>7</v>
      </c>
      <c r="B21" s="8" t="s">
        <v>90</v>
      </c>
      <c r="C21" s="8" t="s">
        <v>7</v>
      </c>
      <c r="D21" s="8" t="s">
        <v>7</v>
      </c>
      <c r="E21" s="8" t="s">
        <v>7</v>
      </c>
      <c r="F21" s="8" t="s">
        <v>7</v>
      </c>
      <c r="G21" s="8" t="s">
        <v>7</v>
      </c>
      <c r="H21" s="8" t="s">
        <v>7</v>
      </c>
      <c r="I21" s="8" t="s">
        <v>7</v>
      </c>
      <c r="J21" s="8" t="s">
        <v>7</v>
      </c>
      <c r="K21" s="8" t="s">
        <v>7</v>
      </c>
      <c r="L21" s="8" t="s">
        <v>7</v>
      </c>
      <c r="M21" s="8" t="s">
        <v>7</v>
      </c>
      <c r="N21" s="8" t="s">
        <v>7</v>
      </c>
      <c r="O21" s="8" t="s">
        <v>7</v>
      </c>
      <c r="P21" s="8" t="s">
        <v>7</v>
      </c>
      <c r="Q21" s="8" t="s">
        <v>7</v>
      </c>
      <c r="R21" s="8" t="s">
        <v>7</v>
      </c>
      <c r="S21" s="8" t="s">
        <v>7</v>
      </c>
      <c r="T21" s="8" t="s">
        <v>7</v>
      </c>
    </row>
    <row r="22" spans="1:20" x14ac:dyDescent="0.2">
      <c r="A22" s="8" t="s">
        <v>7</v>
      </c>
      <c r="B22" s="8" t="s">
        <v>129</v>
      </c>
      <c r="C22" s="8" t="s">
        <v>7</v>
      </c>
      <c r="D22" s="8" t="s">
        <v>7</v>
      </c>
      <c r="E22" s="8" t="s">
        <v>7</v>
      </c>
      <c r="F22" s="8" t="s">
        <v>7</v>
      </c>
      <c r="G22" s="8" t="s">
        <v>7</v>
      </c>
      <c r="H22" s="8" t="s">
        <v>7</v>
      </c>
      <c r="I22" s="8" t="s">
        <v>7</v>
      </c>
      <c r="J22" s="8" t="s">
        <v>7</v>
      </c>
      <c r="K22" s="8" t="s">
        <v>7</v>
      </c>
      <c r="L22" s="8" t="s">
        <v>7</v>
      </c>
      <c r="M22" s="8" t="s">
        <v>7</v>
      </c>
      <c r="N22" s="8" t="s">
        <v>7</v>
      </c>
      <c r="O22" s="8" t="s">
        <v>7</v>
      </c>
      <c r="P22" s="8" t="s">
        <v>7</v>
      </c>
      <c r="Q22" s="8" t="s">
        <v>7</v>
      </c>
      <c r="R22" s="8" t="s">
        <v>7</v>
      </c>
      <c r="S22" s="8" t="s">
        <v>7</v>
      </c>
      <c r="T22" s="8" t="s">
        <v>7</v>
      </c>
    </row>
    <row r="23" spans="1:20" x14ac:dyDescent="0.2">
      <c r="A23" s="7" t="s">
        <v>52</v>
      </c>
      <c r="B23" s="7" t="s">
        <v>53</v>
      </c>
    </row>
  </sheetData>
  <pageMargins left="0.7" right="0.7" top="0.75" bottom="0.75" header="0.3" footer="0.3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8"/>
  <sheetViews>
    <sheetView rightToLeft="1" workbookViewId="0"/>
  </sheetViews>
  <sheetFormatPr defaultRowHeight="14.25" x14ac:dyDescent="0.2"/>
  <cols>
    <col min="1" max="1" width="2" customWidth="1"/>
    <col min="2" max="2" width="34" customWidth="1"/>
    <col min="3" max="4" width="11" customWidth="1"/>
    <col min="5" max="5" width="12" customWidth="1"/>
    <col min="6" max="8" width="10" customWidth="1"/>
    <col min="9" max="9" width="8" customWidth="1"/>
    <col min="10" max="10" width="11" customWidth="1"/>
    <col min="11" max="11" width="22" customWidth="1"/>
    <col min="12" max="12" width="24" customWidth="1"/>
    <col min="13" max="13" width="23" customWidth="1"/>
    <col min="14" max="14" width="2" customWidth="1"/>
  </cols>
  <sheetData>
    <row r="1" spans="1:14" x14ac:dyDescent="0.2">
      <c r="B1" s="7" t="s">
        <v>0</v>
      </c>
      <c r="C1" s="7" t="s">
        <v>1</v>
      </c>
    </row>
    <row r="2" spans="1:14" x14ac:dyDescent="0.2">
      <c r="B2" s="7" t="s">
        <v>2</v>
      </c>
      <c r="C2" s="7" t="s">
        <v>3</v>
      </c>
    </row>
    <row r="3" spans="1:14" x14ac:dyDescent="0.2">
      <c r="B3" s="7" t="s">
        <v>4</v>
      </c>
      <c r="C3" s="7" t="s">
        <v>5</v>
      </c>
    </row>
    <row r="4" spans="1:14" x14ac:dyDescent="0.2">
      <c r="B4" s="7" t="s">
        <v>6</v>
      </c>
      <c r="C4" s="7">
        <v>1476</v>
      </c>
    </row>
    <row r="5" spans="1:14" x14ac:dyDescent="0.2">
      <c r="B5" s="7" t="s">
        <v>7</v>
      </c>
      <c r="C5" s="7" t="s">
        <v>7</v>
      </c>
    </row>
    <row r="6" spans="1:14" x14ac:dyDescent="0.2">
      <c r="A6" s="1" t="s">
        <v>7</v>
      </c>
      <c r="B6" s="1" t="s">
        <v>27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</row>
    <row r="7" spans="1:14" x14ac:dyDescent="0.2">
      <c r="A7" s="1" t="s">
        <v>7</v>
      </c>
      <c r="B7" s="1" t="s">
        <v>213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</row>
    <row r="8" spans="1:14" x14ac:dyDescent="0.2">
      <c r="A8" s="1" t="s">
        <v>7</v>
      </c>
      <c r="B8" s="1" t="s">
        <v>55</v>
      </c>
      <c r="C8" s="1" t="s">
        <v>56</v>
      </c>
      <c r="D8" s="1" t="s">
        <v>131</v>
      </c>
      <c r="E8" s="1" t="s">
        <v>57</v>
      </c>
      <c r="F8" s="1" t="s">
        <v>132</v>
      </c>
      <c r="G8" s="1" t="s">
        <v>60</v>
      </c>
      <c r="H8" s="1" t="s">
        <v>96</v>
      </c>
      <c r="I8" s="1" t="s">
        <v>97</v>
      </c>
      <c r="J8" s="1" t="s">
        <v>9</v>
      </c>
      <c r="K8" s="1" t="s">
        <v>99</v>
      </c>
      <c r="L8" s="1" t="s">
        <v>64</v>
      </c>
      <c r="M8" s="1" t="s">
        <v>100</v>
      </c>
      <c r="N8" s="1" t="s">
        <v>7</v>
      </c>
    </row>
    <row r="9" spans="1:14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02</v>
      </c>
      <c r="I9" s="1" t="s">
        <v>103</v>
      </c>
      <c r="J9" s="1" t="s">
        <v>11</v>
      </c>
      <c r="K9" s="1" t="s">
        <v>12</v>
      </c>
      <c r="L9" s="1" t="s">
        <v>12</v>
      </c>
      <c r="M9" s="1" t="s">
        <v>12</v>
      </c>
      <c r="N9" s="1" t="s">
        <v>7</v>
      </c>
    </row>
    <row r="10" spans="1:14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104</v>
      </c>
      <c r="N10" s="1" t="s">
        <v>7</v>
      </c>
    </row>
    <row r="11" spans="1:14" x14ac:dyDescent="0.2">
      <c r="A11" s="8" t="s">
        <v>7</v>
      </c>
      <c r="B11" s="8" t="s">
        <v>215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10">
        <v>0</v>
      </c>
      <c r="I11" s="8" t="s">
        <v>7</v>
      </c>
      <c r="J11" s="10">
        <v>0</v>
      </c>
      <c r="K11" s="8" t="s">
        <v>7</v>
      </c>
      <c r="L11" s="9">
        <v>0</v>
      </c>
      <c r="M11" s="9">
        <v>0</v>
      </c>
      <c r="N11" s="8" t="s">
        <v>7</v>
      </c>
    </row>
    <row r="12" spans="1:14" x14ac:dyDescent="0.2">
      <c r="A12" s="3" t="s">
        <v>7</v>
      </c>
      <c r="B12" s="3" t="s">
        <v>75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12">
        <v>0</v>
      </c>
      <c r="I12" s="3" t="s">
        <v>7</v>
      </c>
      <c r="J12" s="12">
        <v>0</v>
      </c>
      <c r="K12" s="3" t="s">
        <v>7</v>
      </c>
      <c r="L12" s="11">
        <v>0</v>
      </c>
      <c r="M12" s="11">
        <v>0</v>
      </c>
      <c r="N12" s="3" t="s">
        <v>7</v>
      </c>
    </row>
    <row r="13" spans="1:14" x14ac:dyDescent="0.2">
      <c r="A13" s="3" t="s">
        <v>7</v>
      </c>
      <c r="B13" s="3" t="s">
        <v>88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12">
        <v>0</v>
      </c>
      <c r="I13" s="3" t="s">
        <v>7</v>
      </c>
      <c r="J13" s="12">
        <v>0</v>
      </c>
      <c r="K13" s="3" t="s">
        <v>7</v>
      </c>
      <c r="L13" s="11">
        <v>0</v>
      </c>
      <c r="M13" s="11">
        <v>0</v>
      </c>
      <c r="N13" s="3" t="s">
        <v>7</v>
      </c>
    </row>
    <row r="14" spans="1:14" x14ac:dyDescent="0.2">
      <c r="A14" s="3" t="s">
        <v>7</v>
      </c>
      <c r="B14" s="3" t="s">
        <v>140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12">
        <v>0</v>
      </c>
      <c r="I14" s="3" t="s">
        <v>7</v>
      </c>
      <c r="J14" s="12">
        <v>0</v>
      </c>
      <c r="K14" s="3" t="s">
        <v>7</v>
      </c>
      <c r="L14" s="11">
        <v>0</v>
      </c>
      <c r="M14" s="11">
        <v>0</v>
      </c>
      <c r="N14" s="3" t="s">
        <v>7</v>
      </c>
    </row>
    <row r="15" spans="1:14" x14ac:dyDescent="0.2">
      <c r="A15" s="3" t="s">
        <v>7</v>
      </c>
      <c r="B15" s="3" t="s">
        <v>139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12">
        <v>0</v>
      </c>
      <c r="I15" s="3" t="s">
        <v>7</v>
      </c>
      <c r="J15" s="12">
        <v>0</v>
      </c>
      <c r="K15" s="3" t="s">
        <v>7</v>
      </c>
      <c r="L15" s="11">
        <v>0</v>
      </c>
      <c r="M15" s="11">
        <v>0</v>
      </c>
      <c r="N15" s="3" t="s">
        <v>7</v>
      </c>
    </row>
    <row r="16" spans="1:14" x14ac:dyDescent="0.2">
      <c r="A16" s="8" t="s">
        <v>7</v>
      </c>
      <c r="B16" s="8" t="s">
        <v>90</v>
      </c>
      <c r="C16" s="8" t="s">
        <v>7</v>
      </c>
      <c r="D16" s="8" t="s">
        <v>7</v>
      </c>
      <c r="E16" s="8" t="s">
        <v>7</v>
      </c>
      <c r="F16" s="8" t="s">
        <v>7</v>
      </c>
      <c r="G16" s="8" t="s">
        <v>7</v>
      </c>
      <c r="H16" s="8" t="s">
        <v>7</v>
      </c>
      <c r="I16" s="8" t="s">
        <v>7</v>
      </c>
      <c r="J16" s="8" t="s">
        <v>7</v>
      </c>
      <c r="K16" s="8" t="s">
        <v>7</v>
      </c>
      <c r="L16" s="8" t="s">
        <v>7</v>
      </c>
      <c r="M16" s="8" t="s">
        <v>7</v>
      </c>
      <c r="N16" s="8" t="s">
        <v>7</v>
      </c>
    </row>
    <row r="17" spans="1:14" x14ac:dyDescent="0.2">
      <c r="A17" s="8" t="s">
        <v>7</v>
      </c>
      <c r="B17" s="8" t="s">
        <v>129</v>
      </c>
      <c r="C17" s="8" t="s">
        <v>7</v>
      </c>
      <c r="D17" s="8" t="s">
        <v>7</v>
      </c>
      <c r="E17" s="8" t="s">
        <v>7</v>
      </c>
      <c r="F17" s="8" t="s">
        <v>7</v>
      </c>
      <c r="G17" s="8" t="s">
        <v>7</v>
      </c>
      <c r="H17" s="8" t="s">
        <v>7</v>
      </c>
      <c r="I17" s="8" t="s">
        <v>7</v>
      </c>
      <c r="J17" s="8" t="s">
        <v>7</v>
      </c>
      <c r="K17" s="8" t="s">
        <v>7</v>
      </c>
      <c r="L17" s="8" t="s">
        <v>7</v>
      </c>
      <c r="M17" s="8" t="s">
        <v>7</v>
      </c>
      <c r="N17" s="8" t="s">
        <v>7</v>
      </c>
    </row>
    <row r="18" spans="1:14" x14ac:dyDescent="0.2">
      <c r="A18" s="7" t="s">
        <v>52</v>
      </c>
      <c r="B18" s="7" t="s">
        <v>53</v>
      </c>
    </row>
  </sheetData>
  <pageMargins left="0.7" right="0.7" top="0.75" bottom="0.75" header="0.3" footer="0.3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30"/>
  <sheetViews>
    <sheetView rightToLeft="1" workbookViewId="0">
      <selection activeCell="B25" sqref="B25"/>
    </sheetView>
  </sheetViews>
  <sheetFormatPr defaultRowHeight="14.25" x14ac:dyDescent="0.2"/>
  <cols>
    <col min="1" max="1" width="2" customWidth="1"/>
    <col min="2" max="2" width="34" customWidth="1"/>
    <col min="3" max="3" width="11" customWidth="1"/>
    <col min="4" max="4" width="14" customWidth="1"/>
    <col min="5" max="5" width="13" customWidth="1"/>
    <col min="6" max="6" width="10" customWidth="1"/>
    <col min="7" max="7" width="14" customWidth="1"/>
    <col min="8" max="8" width="11" customWidth="1"/>
    <col min="9" max="9" width="22" customWidth="1"/>
    <col min="10" max="10" width="24" customWidth="1"/>
    <col min="11" max="11" width="23" customWidth="1"/>
    <col min="12" max="12" width="2" customWidth="1"/>
  </cols>
  <sheetData>
    <row r="1" spans="1:12" x14ac:dyDescent="0.2">
      <c r="B1" s="7" t="s">
        <v>0</v>
      </c>
      <c r="C1" s="7" t="s">
        <v>1</v>
      </c>
    </row>
    <row r="2" spans="1:12" x14ac:dyDescent="0.2">
      <c r="B2" s="7" t="s">
        <v>2</v>
      </c>
      <c r="C2" s="7" t="s">
        <v>3</v>
      </c>
    </row>
    <row r="3" spans="1:12" x14ac:dyDescent="0.2">
      <c r="B3" s="7" t="s">
        <v>4</v>
      </c>
      <c r="C3" s="7" t="s">
        <v>5</v>
      </c>
    </row>
    <row r="4" spans="1:12" x14ac:dyDescent="0.2">
      <c r="B4" s="7" t="s">
        <v>6</v>
      </c>
      <c r="C4" s="7">
        <v>1476</v>
      </c>
    </row>
    <row r="5" spans="1:12" x14ac:dyDescent="0.2">
      <c r="B5" s="7" t="s">
        <v>7</v>
      </c>
      <c r="C5" s="7" t="s">
        <v>7</v>
      </c>
    </row>
    <row r="6" spans="1:12" x14ac:dyDescent="0.2">
      <c r="A6" s="1" t="s">
        <v>7</v>
      </c>
      <c r="B6" s="1" t="s">
        <v>27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1:12" x14ac:dyDescent="0.2">
      <c r="A7" s="1" t="s">
        <v>7</v>
      </c>
      <c r="B7" s="1" t="s">
        <v>287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</row>
    <row r="8" spans="1:12" x14ac:dyDescent="0.2">
      <c r="A8" s="1" t="s">
        <v>7</v>
      </c>
      <c r="B8" s="1" t="s">
        <v>55</v>
      </c>
      <c r="C8" s="1" t="s">
        <v>56</v>
      </c>
      <c r="D8" s="1" t="s">
        <v>60</v>
      </c>
      <c r="E8" s="1" t="s">
        <v>94</v>
      </c>
      <c r="F8" s="1" t="s">
        <v>96</v>
      </c>
      <c r="G8" s="1" t="s">
        <v>97</v>
      </c>
      <c r="H8" s="1" t="s">
        <v>9</v>
      </c>
      <c r="I8" s="1" t="s">
        <v>99</v>
      </c>
      <c r="J8" s="1" t="s">
        <v>64</v>
      </c>
      <c r="K8" s="1" t="s">
        <v>100</v>
      </c>
      <c r="L8" s="1" t="s">
        <v>7</v>
      </c>
    </row>
    <row r="9" spans="1:12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143</v>
      </c>
      <c r="F9" s="1" t="s">
        <v>144</v>
      </c>
      <c r="G9" s="1" t="s">
        <v>7</v>
      </c>
      <c r="H9" s="1" t="s">
        <v>11</v>
      </c>
      <c r="I9" s="1" t="s">
        <v>12</v>
      </c>
      <c r="J9" s="1" t="s">
        <v>12</v>
      </c>
      <c r="K9" s="1" t="s">
        <v>12</v>
      </c>
      <c r="L9" s="1" t="s">
        <v>7</v>
      </c>
    </row>
    <row r="10" spans="1:12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</v>
      </c>
    </row>
    <row r="11" spans="1:12" x14ac:dyDescent="0.2">
      <c r="A11" s="8" t="s">
        <v>7</v>
      </c>
      <c r="B11" s="8" t="s">
        <v>288</v>
      </c>
      <c r="C11" s="8" t="s">
        <v>7</v>
      </c>
      <c r="D11" s="8" t="s">
        <v>7</v>
      </c>
      <c r="E11" s="8" t="s">
        <v>7</v>
      </c>
      <c r="F11" s="10">
        <v>224.85</v>
      </c>
      <c r="G11" s="8" t="s">
        <v>7</v>
      </c>
      <c r="H11" s="10">
        <v>1042.32</v>
      </c>
      <c r="I11" s="8" t="s">
        <v>7</v>
      </c>
      <c r="J11" s="9">
        <v>1</v>
      </c>
      <c r="K11" s="9">
        <v>2.3E-2</v>
      </c>
      <c r="L11" s="8" t="s">
        <v>7</v>
      </c>
    </row>
    <row r="12" spans="1:12" x14ac:dyDescent="0.2">
      <c r="A12" s="3" t="s">
        <v>7</v>
      </c>
      <c r="B12" s="3" t="s">
        <v>289</v>
      </c>
      <c r="C12" s="3" t="s">
        <v>7</v>
      </c>
      <c r="D12" s="3" t="s">
        <v>7</v>
      </c>
      <c r="E12" s="3" t="s">
        <v>7</v>
      </c>
      <c r="F12" s="12">
        <v>131.63</v>
      </c>
      <c r="G12" s="3" t="s">
        <v>7</v>
      </c>
      <c r="H12" s="12">
        <v>665.08</v>
      </c>
      <c r="I12" s="3" t="s">
        <v>7</v>
      </c>
      <c r="J12" s="11">
        <v>0.6381</v>
      </c>
      <c r="K12" s="11">
        <v>1.47E-2</v>
      </c>
      <c r="L12" s="3" t="s">
        <v>7</v>
      </c>
    </row>
    <row r="13" spans="1:12" x14ac:dyDescent="0.2">
      <c r="A13" s="3" t="s">
        <v>7</v>
      </c>
      <c r="B13" s="3" t="s">
        <v>290</v>
      </c>
      <c r="C13" s="3" t="s">
        <v>7</v>
      </c>
      <c r="D13" s="3" t="s">
        <v>7</v>
      </c>
      <c r="E13" s="3" t="s">
        <v>7</v>
      </c>
      <c r="F13" s="12">
        <v>0</v>
      </c>
      <c r="G13" s="3" t="s">
        <v>7</v>
      </c>
      <c r="H13" s="12">
        <v>0</v>
      </c>
      <c r="I13" s="3" t="s">
        <v>7</v>
      </c>
      <c r="J13" s="11">
        <v>0</v>
      </c>
      <c r="K13" s="11">
        <v>0</v>
      </c>
      <c r="L13" s="3" t="s">
        <v>7</v>
      </c>
    </row>
    <row r="14" spans="1:12" x14ac:dyDescent="0.2">
      <c r="A14" s="3" t="s">
        <v>7</v>
      </c>
      <c r="B14" s="3" t="s">
        <v>291</v>
      </c>
      <c r="C14" s="3" t="s">
        <v>7</v>
      </c>
      <c r="D14" s="3" t="s">
        <v>7</v>
      </c>
      <c r="E14" s="3" t="s">
        <v>7</v>
      </c>
      <c r="F14" s="12">
        <v>131.63</v>
      </c>
      <c r="G14" s="3" t="s">
        <v>7</v>
      </c>
      <c r="H14" s="12">
        <v>665.08</v>
      </c>
      <c r="I14" s="3" t="s">
        <v>7</v>
      </c>
      <c r="J14" s="11">
        <v>0.6381</v>
      </c>
      <c r="K14" s="11">
        <v>1.47E-2</v>
      </c>
      <c r="L14" s="3" t="s">
        <v>7</v>
      </c>
    </row>
    <row r="15" spans="1:12" x14ac:dyDescent="0.2">
      <c r="A15" s="13" t="s">
        <v>7</v>
      </c>
      <c r="B15" s="13" t="s">
        <v>292</v>
      </c>
      <c r="C15" s="14">
        <v>62010327</v>
      </c>
      <c r="D15" s="13" t="s">
        <v>48</v>
      </c>
      <c r="E15" s="13" t="s">
        <v>293</v>
      </c>
      <c r="F15" s="16">
        <v>69.38</v>
      </c>
      <c r="G15" s="16">
        <v>124158.97</v>
      </c>
      <c r="H15" s="16">
        <v>287.2</v>
      </c>
      <c r="I15" s="15">
        <v>0</v>
      </c>
      <c r="J15" s="15">
        <v>0.27550000000000002</v>
      </c>
      <c r="K15" s="15">
        <v>6.3E-3</v>
      </c>
      <c r="L15" s="13" t="s">
        <v>7</v>
      </c>
    </row>
    <row r="16" spans="1:12" x14ac:dyDescent="0.2">
      <c r="A16" s="13" t="s">
        <v>7</v>
      </c>
      <c r="B16" s="13" t="s">
        <v>382</v>
      </c>
      <c r="C16" s="14">
        <v>60416153</v>
      </c>
      <c r="D16" s="13" t="s">
        <v>48</v>
      </c>
      <c r="E16" s="13" t="s">
        <v>294</v>
      </c>
      <c r="F16" s="16">
        <v>47.25</v>
      </c>
      <c r="G16" s="16">
        <v>136777.78</v>
      </c>
      <c r="H16" s="16">
        <v>215.47</v>
      </c>
      <c r="I16" s="15">
        <v>0</v>
      </c>
      <c r="J16" s="15">
        <v>0.20669999999999999</v>
      </c>
      <c r="K16" s="15">
        <v>4.7999999999999996E-3</v>
      </c>
      <c r="L16" s="13" t="s">
        <v>7</v>
      </c>
    </row>
    <row r="17" spans="1:12" x14ac:dyDescent="0.2">
      <c r="A17" s="13" t="s">
        <v>7</v>
      </c>
      <c r="B17" s="13" t="s">
        <v>295</v>
      </c>
      <c r="C17" s="14">
        <v>50001080</v>
      </c>
      <c r="D17" s="13" t="s">
        <v>81</v>
      </c>
      <c r="E17" s="13" t="s">
        <v>296</v>
      </c>
      <c r="F17" s="16">
        <v>15</v>
      </c>
      <c r="G17" s="16">
        <v>1082808.6100000001</v>
      </c>
      <c r="H17" s="16">
        <v>162.41999999999999</v>
      </c>
      <c r="I17" s="15">
        <v>0</v>
      </c>
      <c r="J17" s="15">
        <v>0.15579999999999999</v>
      </c>
      <c r="K17" s="15">
        <v>3.5999999999999999E-3</v>
      </c>
      <c r="L17" s="13" t="s">
        <v>7</v>
      </c>
    </row>
    <row r="18" spans="1:12" x14ac:dyDescent="0.2">
      <c r="A18" s="3" t="s">
        <v>7</v>
      </c>
      <c r="B18" s="3" t="s">
        <v>297</v>
      </c>
      <c r="C18" s="3" t="s">
        <v>7</v>
      </c>
      <c r="D18" s="3" t="s">
        <v>7</v>
      </c>
      <c r="E18" s="3" t="s">
        <v>7</v>
      </c>
      <c r="F18" s="12">
        <v>0</v>
      </c>
      <c r="G18" s="3" t="s">
        <v>7</v>
      </c>
      <c r="H18" s="12">
        <v>0</v>
      </c>
      <c r="I18" s="3" t="s">
        <v>7</v>
      </c>
      <c r="J18" s="11">
        <v>0</v>
      </c>
      <c r="K18" s="11">
        <v>0</v>
      </c>
      <c r="L18" s="3" t="s">
        <v>7</v>
      </c>
    </row>
    <row r="19" spans="1:12" x14ac:dyDescent="0.2">
      <c r="A19" s="3" t="s">
        <v>7</v>
      </c>
      <c r="B19" s="3" t="s">
        <v>298</v>
      </c>
      <c r="C19" s="3" t="s">
        <v>7</v>
      </c>
      <c r="D19" s="3" t="s">
        <v>7</v>
      </c>
      <c r="E19" s="3" t="s">
        <v>7</v>
      </c>
      <c r="F19" s="12">
        <v>0</v>
      </c>
      <c r="G19" s="3" t="s">
        <v>7</v>
      </c>
      <c r="H19" s="12">
        <v>0</v>
      </c>
      <c r="I19" s="3" t="s">
        <v>7</v>
      </c>
      <c r="J19" s="11">
        <v>0</v>
      </c>
      <c r="K19" s="11">
        <v>0</v>
      </c>
      <c r="L19" s="3" t="s">
        <v>7</v>
      </c>
    </row>
    <row r="20" spans="1:12" x14ac:dyDescent="0.2">
      <c r="A20" s="3" t="s">
        <v>7</v>
      </c>
      <c r="B20" s="3" t="s">
        <v>299</v>
      </c>
      <c r="C20" s="3" t="s">
        <v>7</v>
      </c>
      <c r="D20" s="3" t="s">
        <v>7</v>
      </c>
      <c r="E20" s="3" t="s">
        <v>7</v>
      </c>
      <c r="F20" s="12">
        <v>93.22</v>
      </c>
      <c r="G20" s="3" t="s">
        <v>7</v>
      </c>
      <c r="H20" s="12">
        <v>377.23</v>
      </c>
      <c r="I20" s="3" t="s">
        <v>7</v>
      </c>
      <c r="J20" s="11">
        <v>0.3619</v>
      </c>
      <c r="K20" s="11">
        <v>8.3000000000000001E-3</v>
      </c>
      <c r="L20" s="3" t="s">
        <v>7</v>
      </c>
    </row>
    <row r="21" spans="1:12" x14ac:dyDescent="0.2">
      <c r="A21" s="3" t="s">
        <v>7</v>
      </c>
      <c r="B21" s="3" t="s">
        <v>290</v>
      </c>
      <c r="C21" s="3" t="s">
        <v>7</v>
      </c>
      <c r="D21" s="3" t="s">
        <v>7</v>
      </c>
      <c r="E21" s="3" t="s">
        <v>7</v>
      </c>
      <c r="F21" s="12">
        <v>0</v>
      </c>
      <c r="G21" s="3" t="s">
        <v>7</v>
      </c>
      <c r="H21" s="12">
        <v>0</v>
      </c>
      <c r="I21" s="3" t="s">
        <v>7</v>
      </c>
      <c r="J21" s="11">
        <v>0</v>
      </c>
      <c r="K21" s="11">
        <v>0</v>
      </c>
      <c r="L21" s="3" t="s">
        <v>7</v>
      </c>
    </row>
    <row r="22" spans="1:12" x14ac:dyDescent="0.2">
      <c r="A22" s="3" t="s">
        <v>7</v>
      </c>
      <c r="B22" s="3" t="s">
        <v>291</v>
      </c>
      <c r="C22" s="3" t="s">
        <v>7</v>
      </c>
      <c r="D22" s="3" t="s">
        <v>7</v>
      </c>
      <c r="E22" s="3" t="s">
        <v>7</v>
      </c>
      <c r="F22" s="12">
        <v>93.22</v>
      </c>
      <c r="G22" s="3" t="s">
        <v>7</v>
      </c>
      <c r="H22" s="12">
        <v>377.23</v>
      </c>
      <c r="I22" s="3" t="s">
        <v>7</v>
      </c>
      <c r="J22" s="11">
        <v>0.3619</v>
      </c>
      <c r="K22" s="11">
        <v>8.3000000000000001E-3</v>
      </c>
      <c r="L22" s="3" t="s">
        <v>7</v>
      </c>
    </row>
    <row r="23" spans="1:12" x14ac:dyDescent="0.2">
      <c r="A23" s="13" t="s">
        <v>7</v>
      </c>
      <c r="B23" s="13" t="s">
        <v>300</v>
      </c>
      <c r="C23" s="14">
        <v>62011226</v>
      </c>
      <c r="D23" s="13" t="s">
        <v>48</v>
      </c>
      <c r="E23" s="13" t="s">
        <v>301</v>
      </c>
      <c r="F23" s="16">
        <v>24.21</v>
      </c>
      <c r="G23" s="16">
        <v>109343.52</v>
      </c>
      <c r="H23" s="16">
        <v>88.26</v>
      </c>
      <c r="I23" s="15">
        <v>0</v>
      </c>
      <c r="J23" s="15">
        <v>8.4699999999999998E-2</v>
      </c>
      <c r="K23" s="15">
        <v>1.9E-3</v>
      </c>
      <c r="L23" s="13" t="s">
        <v>7</v>
      </c>
    </row>
    <row r="24" spans="1:12" x14ac:dyDescent="0.2">
      <c r="A24" s="13" t="s">
        <v>7</v>
      </c>
      <c r="B24" s="13" t="s">
        <v>383</v>
      </c>
      <c r="C24" s="14">
        <v>62010699</v>
      </c>
      <c r="D24" s="13" t="s">
        <v>48</v>
      </c>
      <c r="E24" s="13" t="s">
        <v>302</v>
      </c>
      <c r="F24" s="16">
        <v>68.010000000000005</v>
      </c>
      <c r="G24" s="16">
        <v>127437.77</v>
      </c>
      <c r="H24" s="16">
        <v>288.95999999999998</v>
      </c>
      <c r="I24" s="15">
        <v>0</v>
      </c>
      <c r="J24" s="15">
        <v>0.2772</v>
      </c>
      <c r="K24" s="15">
        <v>6.4000000000000003E-3</v>
      </c>
      <c r="L24" s="13" t="s">
        <v>7</v>
      </c>
    </row>
    <row r="25" spans="1:12" x14ac:dyDescent="0.2">
      <c r="A25" s="13" t="s">
        <v>7</v>
      </c>
      <c r="B25" s="13" t="s">
        <v>303</v>
      </c>
      <c r="C25" s="14">
        <v>62011770</v>
      </c>
      <c r="D25" s="13" t="s">
        <v>48</v>
      </c>
      <c r="E25" s="13" t="s">
        <v>304</v>
      </c>
      <c r="F25" s="16">
        <v>1</v>
      </c>
      <c r="G25" s="16">
        <v>500</v>
      </c>
      <c r="H25" s="16">
        <v>0.02</v>
      </c>
      <c r="I25" s="15">
        <v>0</v>
      </c>
      <c r="J25" s="15">
        <v>0</v>
      </c>
      <c r="K25" s="15">
        <v>0</v>
      </c>
      <c r="L25" s="13" t="s">
        <v>7</v>
      </c>
    </row>
    <row r="26" spans="1:12" x14ac:dyDescent="0.2">
      <c r="A26" s="3" t="s">
        <v>7</v>
      </c>
      <c r="B26" s="3" t="s">
        <v>297</v>
      </c>
      <c r="C26" s="3" t="s">
        <v>7</v>
      </c>
      <c r="D26" s="3" t="s">
        <v>7</v>
      </c>
      <c r="E26" s="3" t="s">
        <v>7</v>
      </c>
      <c r="F26" s="12">
        <v>0</v>
      </c>
      <c r="G26" s="3" t="s">
        <v>7</v>
      </c>
      <c r="H26" s="12">
        <v>0</v>
      </c>
      <c r="I26" s="3" t="s">
        <v>7</v>
      </c>
      <c r="J26" s="11">
        <v>0</v>
      </c>
      <c r="K26" s="11">
        <v>0</v>
      </c>
      <c r="L26" s="3" t="s">
        <v>7</v>
      </c>
    </row>
    <row r="27" spans="1:12" x14ac:dyDescent="0.2">
      <c r="A27" s="3" t="s">
        <v>7</v>
      </c>
      <c r="B27" s="3" t="s">
        <v>298</v>
      </c>
      <c r="C27" s="3" t="s">
        <v>7</v>
      </c>
      <c r="D27" s="3" t="s">
        <v>7</v>
      </c>
      <c r="E27" s="3" t="s">
        <v>7</v>
      </c>
      <c r="F27" s="12">
        <v>0</v>
      </c>
      <c r="G27" s="3" t="s">
        <v>7</v>
      </c>
      <c r="H27" s="12">
        <v>0</v>
      </c>
      <c r="I27" s="3" t="s">
        <v>7</v>
      </c>
      <c r="J27" s="11">
        <v>0</v>
      </c>
      <c r="K27" s="11">
        <v>0</v>
      </c>
      <c r="L27" s="3" t="s">
        <v>7</v>
      </c>
    </row>
    <row r="28" spans="1:12" x14ac:dyDescent="0.2">
      <c r="A28" s="8" t="s">
        <v>7</v>
      </c>
      <c r="B28" s="8" t="s">
        <v>90</v>
      </c>
      <c r="C28" s="8" t="s">
        <v>7</v>
      </c>
      <c r="D28" s="8" t="s">
        <v>7</v>
      </c>
      <c r="E28" s="8" t="s">
        <v>7</v>
      </c>
      <c r="F28" s="8" t="s">
        <v>7</v>
      </c>
      <c r="G28" s="8" t="s">
        <v>7</v>
      </c>
      <c r="H28" s="8" t="s">
        <v>7</v>
      </c>
      <c r="I28" s="8" t="s">
        <v>7</v>
      </c>
      <c r="J28" s="8" t="s">
        <v>7</v>
      </c>
      <c r="K28" s="8" t="s">
        <v>7</v>
      </c>
      <c r="L28" s="8" t="s">
        <v>7</v>
      </c>
    </row>
    <row r="29" spans="1:12" x14ac:dyDescent="0.2">
      <c r="A29" s="8" t="s">
        <v>7</v>
      </c>
      <c r="B29" s="8" t="s">
        <v>129</v>
      </c>
      <c r="C29" s="8" t="s">
        <v>7</v>
      </c>
      <c r="D29" s="8" t="s">
        <v>7</v>
      </c>
      <c r="E29" s="8" t="s">
        <v>7</v>
      </c>
      <c r="F29" s="8" t="s">
        <v>7</v>
      </c>
      <c r="G29" s="8" t="s">
        <v>7</v>
      </c>
      <c r="H29" s="8" t="s">
        <v>7</v>
      </c>
      <c r="I29" s="8" t="s">
        <v>7</v>
      </c>
      <c r="J29" s="8" t="s">
        <v>7</v>
      </c>
      <c r="K29" s="8" t="s">
        <v>7</v>
      </c>
      <c r="L29" s="8" t="s">
        <v>7</v>
      </c>
    </row>
    <row r="30" spans="1:12" x14ac:dyDescent="0.2">
      <c r="A30" s="7" t="s">
        <v>52</v>
      </c>
      <c r="B30" s="7" t="s">
        <v>53</v>
      </c>
    </row>
  </sheetData>
  <pageMargins left="0.7" right="0.7" top="0.75" bottom="0.75" header="0.3" footer="0.3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6"/>
  <sheetViews>
    <sheetView rightToLeft="1" workbookViewId="0"/>
  </sheetViews>
  <sheetFormatPr defaultRowHeight="14.25" x14ac:dyDescent="0.2"/>
  <cols>
    <col min="1" max="1" width="2" customWidth="1"/>
    <col min="2" max="2" width="34" customWidth="1"/>
    <col min="3" max="3" width="11" customWidth="1"/>
    <col min="4" max="5" width="10" customWidth="1"/>
    <col min="6" max="6" width="13" customWidth="1"/>
    <col min="7" max="7" width="10" customWidth="1"/>
    <col min="8" max="8" width="8" customWidth="1"/>
    <col min="9" max="9" width="11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1:13" x14ac:dyDescent="0.2">
      <c r="B1" s="7" t="s">
        <v>0</v>
      </c>
      <c r="C1" s="7" t="s">
        <v>1</v>
      </c>
    </row>
    <row r="2" spans="1:13" x14ac:dyDescent="0.2">
      <c r="B2" s="7" t="s">
        <v>2</v>
      </c>
      <c r="C2" s="7" t="s">
        <v>3</v>
      </c>
    </row>
    <row r="3" spans="1:13" x14ac:dyDescent="0.2">
      <c r="B3" s="7" t="s">
        <v>4</v>
      </c>
      <c r="C3" s="7" t="s">
        <v>5</v>
      </c>
    </row>
    <row r="4" spans="1:13" x14ac:dyDescent="0.2">
      <c r="B4" s="7" t="s">
        <v>6</v>
      </c>
      <c r="C4" s="7">
        <v>1476</v>
      </c>
    </row>
    <row r="5" spans="1:13" x14ac:dyDescent="0.2">
      <c r="B5" s="7" t="s">
        <v>7</v>
      </c>
      <c r="C5" s="7" t="s">
        <v>7</v>
      </c>
    </row>
    <row r="6" spans="1:13" x14ac:dyDescent="0.2">
      <c r="A6" s="1" t="s">
        <v>7</v>
      </c>
      <c r="B6" s="1" t="s">
        <v>27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1:13" x14ac:dyDescent="0.2">
      <c r="A7" s="1" t="s">
        <v>7</v>
      </c>
      <c r="B7" s="1" t="s">
        <v>305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1:13" x14ac:dyDescent="0.2">
      <c r="A8" s="1" t="s">
        <v>7</v>
      </c>
      <c r="B8" s="1" t="s">
        <v>55</v>
      </c>
      <c r="C8" s="1" t="s">
        <v>56</v>
      </c>
      <c r="D8" s="1" t="s">
        <v>132</v>
      </c>
      <c r="E8" s="1" t="s">
        <v>60</v>
      </c>
      <c r="F8" s="1" t="s">
        <v>94</v>
      </c>
      <c r="G8" s="1" t="s">
        <v>96</v>
      </c>
      <c r="H8" s="1" t="s">
        <v>97</v>
      </c>
      <c r="I8" s="1" t="s">
        <v>9</v>
      </c>
      <c r="J8" s="1" t="s">
        <v>99</v>
      </c>
      <c r="K8" s="1" t="s">
        <v>64</v>
      </c>
      <c r="L8" s="1" t="s">
        <v>100</v>
      </c>
      <c r="M8" s="1" t="s">
        <v>7</v>
      </c>
    </row>
    <row r="9" spans="1:13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02</v>
      </c>
      <c r="H9" s="1" t="s">
        <v>103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1:13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7</v>
      </c>
    </row>
    <row r="11" spans="1:13" x14ac:dyDescent="0.2">
      <c r="A11" s="8" t="s">
        <v>7</v>
      </c>
      <c r="B11" s="8" t="s">
        <v>252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8" t="s">
        <v>7</v>
      </c>
      <c r="I11" s="10">
        <v>0</v>
      </c>
      <c r="J11" s="9">
        <v>0</v>
      </c>
      <c r="K11" s="9">
        <v>0</v>
      </c>
      <c r="L11" s="9">
        <v>0</v>
      </c>
      <c r="M11" s="8" t="s">
        <v>7</v>
      </c>
    </row>
    <row r="12" spans="1:13" x14ac:dyDescent="0.2">
      <c r="A12" s="3" t="s">
        <v>7</v>
      </c>
      <c r="B12" s="3" t="s">
        <v>306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12">
        <v>0</v>
      </c>
      <c r="J12" s="11">
        <v>0</v>
      </c>
      <c r="K12" s="11">
        <v>0</v>
      </c>
      <c r="L12" s="11">
        <v>0</v>
      </c>
      <c r="M12" s="3" t="s">
        <v>7</v>
      </c>
    </row>
    <row r="13" spans="1:13" x14ac:dyDescent="0.2">
      <c r="A13" s="3" t="s">
        <v>7</v>
      </c>
      <c r="B13" s="3" t="s">
        <v>307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12">
        <v>0</v>
      </c>
      <c r="J13" s="11">
        <v>0</v>
      </c>
      <c r="K13" s="11">
        <v>0</v>
      </c>
      <c r="L13" s="11">
        <v>0</v>
      </c>
      <c r="M13" s="3" t="s">
        <v>7</v>
      </c>
    </row>
    <row r="14" spans="1:13" x14ac:dyDescent="0.2">
      <c r="A14" s="8" t="s">
        <v>7</v>
      </c>
      <c r="B14" s="8" t="s">
        <v>90</v>
      </c>
      <c r="C14" s="8" t="s">
        <v>7</v>
      </c>
      <c r="D14" s="8" t="s">
        <v>7</v>
      </c>
      <c r="E14" s="8" t="s">
        <v>7</v>
      </c>
      <c r="F14" s="8" t="s">
        <v>7</v>
      </c>
      <c r="G14" s="8" t="s">
        <v>7</v>
      </c>
      <c r="H14" s="8" t="s">
        <v>7</v>
      </c>
      <c r="I14" s="8" t="s">
        <v>7</v>
      </c>
      <c r="J14" s="8" t="s">
        <v>7</v>
      </c>
      <c r="K14" s="8" t="s">
        <v>7</v>
      </c>
      <c r="L14" s="8" t="s">
        <v>7</v>
      </c>
      <c r="M14" s="8" t="s">
        <v>7</v>
      </c>
    </row>
    <row r="15" spans="1:13" x14ac:dyDescent="0.2">
      <c r="A15" s="8" t="s">
        <v>7</v>
      </c>
      <c r="B15" s="8" t="s">
        <v>129</v>
      </c>
      <c r="C15" s="8" t="s">
        <v>7</v>
      </c>
      <c r="D15" s="8" t="s">
        <v>7</v>
      </c>
      <c r="E15" s="8" t="s">
        <v>7</v>
      </c>
      <c r="F15" s="8" t="s">
        <v>7</v>
      </c>
      <c r="G15" s="8" t="s">
        <v>7</v>
      </c>
      <c r="H15" s="8" t="s">
        <v>7</v>
      </c>
      <c r="I15" s="8" t="s">
        <v>7</v>
      </c>
      <c r="J15" s="8" t="s">
        <v>7</v>
      </c>
      <c r="K15" s="8" t="s">
        <v>7</v>
      </c>
      <c r="L15" s="8" t="s">
        <v>7</v>
      </c>
      <c r="M15" s="8" t="s">
        <v>7</v>
      </c>
    </row>
    <row r="16" spans="1:13" x14ac:dyDescent="0.2">
      <c r="A16" s="7" t="s">
        <v>52</v>
      </c>
      <c r="B16" s="7" t="s">
        <v>53</v>
      </c>
    </row>
  </sheetData>
  <pageMargins left="0.7" right="0.7" top="0.75" bottom="0.75" header="0.3" footer="0.3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6"/>
  <sheetViews>
    <sheetView rightToLeft="1" topLeftCell="A10" workbookViewId="0"/>
  </sheetViews>
  <sheetFormatPr defaultRowHeight="14.25" x14ac:dyDescent="0.2"/>
  <cols>
    <col min="1" max="1" width="2" customWidth="1"/>
    <col min="2" max="2" width="34" customWidth="1"/>
    <col min="3" max="3" width="11" customWidth="1"/>
    <col min="4" max="5" width="10" customWidth="1"/>
    <col min="6" max="6" width="13" customWidth="1"/>
    <col min="7" max="7" width="10" customWidth="1"/>
    <col min="8" max="8" width="5" customWidth="1"/>
    <col min="9" max="9" width="11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1:13" x14ac:dyDescent="0.2">
      <c r="B1" s="7" t="s">
        <v>0</v>
      </c>
      <c r="C1" s="7" t="s">
        <v>1</v>
      </c>
    </row>
    <row r="2" spans="1:13" x14ac:dyDescent="0.2">
      <c r="B2" s="7" t="s">
        <v>2</v>
      </c>
      <c r="C2" s="7" t="s">
        <v>3</v>
      </c>
    </row>
    <row r="3" spans="1:13" x14ac:dyDescent="0.2">
      <c r="B3" s="7" t="s">
        <v>4</v>
      </c>
      <c r="C3" s="7" t="s">
        <v>5</v>
      </c>
    </row>
    <row r="4" spans="1:13" x14ac:dyDescent="0.2">
      <c r="B4" s="7" t="s">
        <v>6</v>
      </c>
      <c r="C4" s="7">
        <v>1476</v>
      </c>
    </row>
    <row r="5" spans="1:13" x14ac:dyDescent="0.2">
      <c r="B5" s="7" t="s">
        <v>7</v>
      </c>
      <c r="C5" s="7" t="s">
        <v>7</v>
      </c>
    </row>
    <row r="6" spans="1:13" x14ac:dyDescent="0.2">
      <c r="A6" s="1" t="s">
        <v>7</v>
      </c>
      <c r="B6" s="1" t="s">
        <v>27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1:13" x14ac:dyDescent="0.2">
      <c r="A7" s="1" t="s">
        <v>7</v>
      </c>
      <c r="B7" s="1" t="s">
        <v>308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1:13" x14ac:dyDescent="0.2">
      <c r="A8" s="1" t="s">
        <v>7</v>
      </c>
      <c r="B8" s="1" t="s">
        <v>55</v>
      </c>
      <c r="C8" s="1" t="s">
        <v>56</v>
      </c>
      <c r="D8" s="1" t="s">
        <v>132</v>
      </c>
      <c r="E8" s="1" t="s">
        <v>60</v>
      </c>
      <c r="F8" s="1" t="s">
        <v>94</v>
      </c>
      <c r="G8" s="1" t="s">
        <v>96</v>
      </c>
      <c r="H8" s="1" t="s">
        <v>97</v>
      </c>
      <c r="I8" s="1" t="s">
        <v>9</v>
      </c>
      <c r="J8" s="1" t="s">
        <v>99</v>
      </c>
      <c r="K8" s="1" t="s">
        <v>64</v>
      </c>
      <c r="L8" s="1" t="s">
        <v>100</v>
      </c>
      <c r="M8" s="1" t="s">
        <v>7</v>
      </c>
    </row>
    <row r="9" spans="1:13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143</v>
      </c>
      <c r="G9" s="1" t="s">
        <v>144</v>
      </c>
      <c r="H9" s="1" t="s">
        <v>7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1:13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7</v>
      </c>
    </row>
    <row r="11" spans="1:13" x14ac:dyDescent="0.2">
      <c r="A11" s="8" t="s">
        <v>7</v>
      </c>
      <c r="B11" s="8" t="s">
        <v>257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8" t="s">
        <v>7</v>
      </c>
      <c r="I11" s="10">
        <v>0</v>
      </c>
      <c r="J11" s="9">
        <v>0</v>
      </c>
      <c r="K11" s="9">
        <v>0</v>
      </c>
      <c r="L11" s="9">
        <v>0</v>
      </c>
      <c r="M11" s="8" t="s">
        <v>7</v>
      </c>
    </row>
    <row r="12" spans="1:13" x14ac:dyDescent="0.2">
      <c r="A12" s="3" t="s">
        <v>7</v>
      </c>
      <c r="B12" s="3" t="s">
        <v>309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12">
        <v>0</v>
      </c>
      <c r="J12" s="11">
        <v>0</v>
      </c>
      <c r="K12" s="11">
        <v>0</v>
      </c>
      <c r="L12" s="11">
        <v>0</v>
      </c>
      <c r="M12" s="3" t="s">
        <v>7</v>
      </c>
    </row>
    <row r="13" spans="1:13" x14ac:dyDescent="0.2">
      <c r="A13" s="3" t="s">
        <v>7</v>
      </c>
      <c r="B13" s="3" t="s">
        <v>258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12">
        <v>0</v>
      </c>
      <c r="J13" s="11">
        <v>0</v>
      </c>
      <c r="K13" s="11">
        <v>0</v>
      </c>
      <c r="L13" s="11">
        <v>0</v>
      </c>
      <c r="M13" s="3" t="s">
        <v>7</v>
      </c>
    </row>
    <row r="14" spans="1:13" x14ac:dyDescent="0.2">
      <c r="A14" s="3" t="s">
        <v>7</v>
      </c>
      <c r="B14" s="3" t="s">
        <v>310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3" t="s">
        <v>7</v>
      </c>
      <c r="I14" s="12">
        <v>0</v>
      </c>
      <c r="J14" s="11">
        <v>0</v>
      </c>
      <c r="K14" s="11">
        <v>0</v>
      </c>
      <c r="L14" s="11">
        <v>0</v>
      </c>
      <c r="M14" s="3" t="s">
        <v>7</v>
      </c>
    </row>
    <row r="15" spans="1:13" x14ac:dyDescent="0.2">
      <c r="A15" s="3" t="s">
        <v>7</v>
      </c>
      <c r="B15" s="3" t="s">
        <v>311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3" t="s">
        <v>7</v>
      </c>
      <c r="I15" s="12">
        <v>0</v>
      </c>
      <c r="J15" s="11">
        <v>0</v>
      </c>
      <c r="K15" s="11">
        <v>0</v>
      </c>
      <c r="L15" s="11">
        <v>0</v>
      </c>
      <c r="M15" s="3" t="s">
        <v>7</v>
      </c>
    </row>
    <row r="16" spans="1:13" x14ac:dyDescent="0.2">
      <c r="A16" s="3" t="s">
        <v>7</v>
      </c>
      <c r="B16" s="3" t="s">
        <v>260</v>
      </c>
      <c r="C16" s="3" t="s">
        <v>7</v>
      </c>
      <c r="D16" s="3" t="s">
        <v>7</v>
      </c>
      <c r="E16" s="3" t="s">
        <v>7</v>
      </c>
      <c r="F16" s="3" t="s">
        <v>7</v>
      </c>
      <c r="G16" s="3" t="s">
        <v>7</v>
      </c>
      <c r="H16" s="3" t="s">
        <v>7</v>
      </c>
      <c r="I16" s="12">
        <v>0</v>
      </c>
      <c r="J16" s="11">
        <v>0</v>
      </c>
      <c r="K16" s="11">
        <v>0</v>
      </c>
      <c r="L16" s="11">
        <v>0</v>
      </c>
      <c r="M16" s="3" t="s">
        <v>7</v>
      </c>
    </row>
    <row r="17" spans="1:13" x14ac:dyDescent="0.2">
      <c r="A17" s="3" t="s">
        <v>7</v>
      </c>
      <c r="B17" s="3" t="s">
        <v>235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3" t="s">
        <v>7</v>
      </c>
      <c r="I17" s="12">
        <v>0</v>
      </c>
      <c r="J17" s="11">
        <v>0</v>
      </c>
      <c r="K17" s="11">
        <v>0</v>
      </c>
      <c r="L17" s="11">
        <v>0</v>
      </c>
      <c r="M17" s="3" t="s">
        <v>7</v>
      </c>
    </row>
    <row r="18" spans="1:13" x14ac:dyDescent="0.2">
      <c r="A18" s="3" t="s">
        <v>7</v>
      </c>
      <c r="B18" s="3" t="s">
        <v>312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3" t="s">
        <v>7</v>
      </c>
      <c r="I18" s="12">
        <v>0</v>
      </c>
      <c r="J18" s="11">
        <v>0</v>
      </c>
      <c r="K18" s="11">
        <v>0</v>
      </c>
      <c r="L18" s="11">
        <v>0</v>
      </c>
      <c r="M18" s="3" t="s">
        <v>7</v>
      </c>
    </row>
    <row r="19" spans="1:13" x14ac:dyDescent="0.2">
      <c r="A19" s="3" t="s">
        <v>7</v>
      </c>
      <c r="B19" s="3" t="s">
        <v>258</v>
      </c>
      <c r="C19" s="3" t="s">
        <v>7</v>
      </c>
      <c r="D19" s="3" t="s">
        <v>7</v>
      </c>
      <c r="E19" s="3" t="s">
        <v>7</v>
      </c>
      <c r="F19" s="3" t="s">
        <v>7</v>
      </c>
      <c r="G19" s="3" t="s">
        <v>7</v>
      </c>
      <c r="H19" s="3" t="s">
        <v>7</v>
      </c>
      <c r="I19" s="12">
        <v>0</v>
      </c>
      <c r="J19" s="11">
        <v>0</v>
      </c>
      <c r="K19" s="11">
        <v>0</v>
      </c>
      <c r="L19" s="11">
        <v>0</v>
      </c>
      <c r="M19" s="3" t="s">
        <v>7</v>
      </c>
    </row>
    <row r="20" spans="1:13" x14ac:dyDescent="0.2">
      <c r="A20" s="3" t="s">
        <v>7</v>
      </c>
      <c r="B20" s="3" t="s">
        <v>261</v>
      </c>
      <c r="C20" s="3" t="s">
        <v>7</v>
      </c>
      <c r="D20" s="3" t="s">
        <v>7</v>
      </c>
      <c r="E20" s="3" t="s">
        <v>7</v>
      </c>
      <c r="F20" s="3" t="s">
        <v>7</v>
      </c>
      <c r="G20" s="3" t="s">
        <v>7</v>
      </c>
      <c r="H20" s="3" t="s">
        <v>7</v>
      </c>
      <c r="I20" s="12">
        <v>0</v>
      </c>
      <c r="J20" s="11">
        <v>0</v>
      </c>
      <c r="K20" s="11">
        <v>0</v>
      </c>
      <c r="L20" s="11">
        <v>0</v>
      </c>
      <c r="M20" s="3" t="s">
        <v>7</v>
      </c>
    </row>
    <row r="21" spans="1:13" x14ac:dyDescent="0.2">
      <c r="A21" s="3" t="s">
        <v>7</v>
      </c>
      <c r="B21" s="3" t="s">
        <v>260</v>
      </c>
      <c r="C21" s="3" t="s">
        <v>7</v>
      </c>
      <c r="D21" s="3" t="s">
        <v>7</v>
      </c>
      <c r="E21" s="3" t="s">
        <v>7</v>
      </c>
      <c r="F21" s="3" t="s">
        <v>7</v>
      </c>
      <c r="G21" s="3" t="s">
        <v>7</v>
      </c>
      <c r="H21" s="3" t="s">
        <v>7</v>
      </c>
      <c r="I21" s="12">
        <v>0</v>
      </c>
      <c r="J21" s="11">
        <v>0</v>
      </c>
      <c r="K21" s="11">
        <v>0</v>
      </c>
      <c r="L21" s="11">
        <v>0</v>
      </c>
      <c r="M21" s="3" t="s">
        <v>7</v>
      </c>
    </row>
    <row r="22" spans="1:13" x14ac:dyDescent="0.2">
      <c r="A22" s="3" t="s">
        <v>7</v>
      </c>
      <c r="B22" s="3" t="s">
        <v>262</v>
      </c>
      <c r="C22" s="3" t="s">
        <v>7</v>
      </c>
      <c r="D22" s="3" t="s">
        <v>7</v>
      </c>
      <c r="E22" s="3" t="s">
        <v>7</v>
      </c>
      <c r="F22" s="3" t="s">
        <v>7</v>
      </c>
      <c r="G22" s="3" t="s">
        <v>7</v>
      </c>
      <c r="H22" s="3" t="s">
        <v>7</v>
      </c>
      <c r="I22" s="12">
        <v>0</v>
      </c>
      <c r="J22" s="11">
        <v>0</v>
      </c>
      <c r="K22" s="11">
        <v>0</v>
      </c>
      <c r="L22" s="11">
        <v>0</v>
      </c>
      <c r="M22" s="3" t="s">
        <v>7</v>
      </c>
    </row>
    <row r="23" spans="1:13" x14ac:dyDescent="0.2">
      <c r="A23" s="3" t="s">
        <v>7</v>
      </c>
      <c r="B23" s="3" t="s">
        <v>235</v>
      </c>
      <c r="C23" s="3" t="s">
        <v>7</v>
      </c>
      <c r="D23" s="3" t="s">
        <v>7</v>
      </c>
      <c r="E23" s="3" t="s">
        <v>7</v>
      </c>
      <c r="F23" s="3" t="s">
        <v>7</v>
      </c>
      <c r="G23" s="3" t="s">
        <v>7</v>
      </c>
      <c r="H23" s="3" t="s">
        <v>7</v>
      </c>
      <c r="I23" s="12">
        <v>0</v>
      </c>
      <c r="J23" s="11">
        <v>0</v>
      </c>
      <c r="K23" s="11">
        <v>0</v>
      </c>
      <c r="L23" s="11">
        <v>0</v>
      </c>
      <c r="M23" s="3" t="s">
        <v>7</v>
      </c>
    </row>
    <row r="24" spans="1:13" x14ac:dyDescent="0.2">
      <c r="A24" s="8" t="s">
        <v>7</v>
      </c>
      <c r="B24" s="8" t="s">
        <v>90</v>
      </c>
      <c r="C24" s="8" t="s">
        <v>7</v>
      </c>
      <c r="D24" s="8" t="s">
        <v>7</v>
      </c>
      <c r="E24" s="8" t="s">
        <v>7</v>
      </c>
      <c r="F24" s="8" t="s">
        <v>7</v>
      </c>
      <c r="G24" s="8" t="s">
        <v>7</v>
      </c>
      <c r="H24" s="8" t="s">
        <v>7</v>
      </c>
      <c r="I24" s="8" t="s">
        <v>7</v>
      </c>
      <c r="J24" s="8" t="s">
        <v>7</v>
      </c>
      <c r="K24" s="8" t="s">
        <v>7</v>
      </c>
      <c r="L24" s="8" t="s">
        <v>7</v>
      </c>
      <c r="M24" s="8" t="s">
        <v>7</v>
      </c>
    </row>
    <row r="25" spans="1:13" x14ac:dyDescent="0.2">
      <c r="A25" s="8" t="s">
        <v>7</v>
      </c>
      <c r="B25" s="8" t="s">
        <v>129</v>
      </c>
      <c r="C25" s="8" t="s">
        <v>7</v>
      </c>
      <c r="D25" s="8" t="s">
        <v>7</v>
      </c>
      <c r="E25" s="8" t="s">
        <v>7</v>
      </c>
      <c r="F25" s="8" t="s">
        <v>7</v>
      </c>
      <c r="G25" s="8" t="s">
        <v>7</v>
      </c>
      <c r="H25" s="8" t="s">
        <v>7</v>
      </c>
      <c r="I25" s="8" t="s">
        <v>7</v>
      </c>
      <c r="J25" s="8" t="s">
        <v>7</v>
      </c>
      <c r="K25" s="8" t="s">
        <v>7</v>
      </c>
      <c r="L25" s="8" t="s">
        <v>7</v>
      </c>
      <c r="M25" s="8" t="s">
        <v>7</v>
      </c>
    </row>
    <row r="26" spans="1:13" x14ac:dyDescent="0.2">
      <c r="A26" s="7" t="s">
        <v>52</v>
      </c>
      <c r="B26" s="7" t="s">
        <v>53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27"/>
  <sheetViews>
    <sheetView rightToLeft="1" topLeftCell="A10" workbookViewId="0">
      <selection activeCell="B32" sqref="B32"/>
    </sheetView>
  </sheetViews>
  <sheetFormatPr defaultRowHeight="14.25" x14ac:dyDescent="0.2"/>
  <cols>
    <col min="1" max="1" width="2" customWidth="1"/>
    <col min="2" max="2" width="40" customWidth="1"/>
    <col min="3" max="4" width="12" customWidth="1"/>
    <col min="5" max="5" width="7" customWidth="1"/>
    <col min="6" max="6" width="11" customWidth="1"/>
    <col min="7" max="7" width="14" customWidth="1"/>
    <col min="8" max="8" width="13" customWidth="1"/>
    <col min="9" max="9" width="15" customWidth="1"/>
    <col min="10" max="10" width="10" customWidth="1"/>
    <col min="11" max="11" width="24" customWidth="1"/>
    <col min="12" max="12" width="21" customWidth="1"/>
  </cols>
  <sheetData>
    <row r="1" spans="1:12" x14ac:dyDescent="0.2">
      <c r="B1" s="7" t="s">
        <v>0</v>
      </c>
      <c r="C1" s="7" t="s">
        <v>1</v>
      </c>
    </row>
    <row r="2" spans="1:12" x14ac:dyDescent="0.2">
      <c r="B2" s="7" t="s">
        <v>2</v>
      </c>
      <c r="C2" s="7" t="s">
        <v>3</v>
      </c>
    </row>
    <row r="3" spans="1:12" x14ac:dyDescent="0.2">
      <c r="B3" s="7" t="s">
        <v>4</v>
      </c>
      <c r="C3" s="7" t="s">
        <v>5</v>
      </c>
    </row>
    <row r="4" spans="1:12" x14ac:dyDescent="0.2">
      <c r="B4" s="7" t="s">
        <v>6</v>
      </c>
      <c r="C4" s="7">
        <v>1476</v>
      </c>
    </row>
    <row r="5" spans="1:12" x14ac:dyDescent="0.2">
      <c r="B5" s="7" t="s">
        <v>7</v>
      </c>
      <c r="C5" s="7" t="s">
        <v>7</v>
      </c>
    </row>
    <row r="6" spans="1:12" x14ac:dyDescent="0.2">
      <c r="A6" s="1" t="s">
        <v>7</v>
      </c>
      <c r="B6" s="1" t="s">
        <v>54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1:12" x14ac:dyDescent="0.2">
      <c r="A7" s="1" t="s">
        <v>7</v>
      </c>
      <c r="B7" s="1" t="s">
        <v>55</v>
      </c>
      <c r="C7" s="1" t="s">
        <v>56</v>
      </c>
      <c r="D7" s="1" t="s">
        <v>57</v>
      </c>
      <c r="E7" s="1" t="s">
        <v>58</v>
      </c>
      <c r="F7" s="1" t="s">
        <v>59</v>
      </c>
      <c r="G7" s="1" t="s">
        <v>60</v>
      </c>
      <c r="H7" s="1" t="s">
        <v>61</v>
      </c>
      <c r="I7" s="1" t="s">
        <v>62</v>
      </c>
      <c r="J7" s="1" t="s">
        <v>63</v>
      </c>
      <c r="K7" s="1" t="s">
        <v>64</v>
      </c>
      <c r="L7" s="1" t="s">
        <v>65</v>
      </c>
    </row>
    <row r="8" spans="1:12" x14ac:dyDescent="0.2">
      <c r="A8" s="1" t="s">
        <v>7</v>
      </c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7</v>
      </c>
      <c r="H8" s="1" t="s">
        <v>12</v>
      </c>
      <c r="I8" s="1" t="s">
        <v>12</v>
      </c>
      <c r="J8" s="1" t="s">
        <v>11</v>
      </c>
      <c r="K8" s="1" t="s">
        <v>12</v>
      </c>
      <c r="L8" s="1" t="s">
        <v>12</v>
      </c>
    </row>
    <row r="9" spans="1:12" x14ac:dyDescent="0.2">
      <c r="A9" s="1" t="s">
        <v>7</v>
      </c>
      <c r="B9" s="1" t="s">
        <v>7</v>
      </c>
      <c r="C9" s="1" t="s">
        <v>13</v>
      </c>
      <c r="D9" s="1" t="s">
        <v>14</v>
      </c>
      <c r="E9" s="1" t="s">
        <v>66</v>
      </c>
      <c r="F9" s="1" t="s">
        <v>67</v>
      </c>
      <c r="G9" s="1" t="s">
        <v>68</v>
      </c>
      <c r="H9" s="1" t="s">
        <v>69</v>
      </c>
      <c r="I9" s="1" t="s">
        <v>70</v>
      </c>
      <c r="J9" s="1" t="s">
        <v>71</v>
      </c>
      <c r="K9" s="1" t="s">
        <v>72</v>
      </c>
      <c r="L9" s="1" t="s">
        <v>73</v>
      </c>
    </row>
    <row r="10" spans="1:12" x14ac:dyDescent="0.2">
      <c r="A10" s="8" t="s">
        <v>7</v>
      </c>
      <c r="B10" s="8" t="s">
        <v>74</v>
      </c>
      <c r="C10" s="8" t="s">
        <v>7</v>
      </c>
      <c r="D10" s="8" t="s">
        <v>7</v>
      </c>
      <c r="E10" s="8" t="s">
        <v>7</v>
      </c>
      <c r="F10" s="8" t="s">
        <v>7</v>
      </c>
      <c r="G10" s="8" t="s">
        <v>7</v>
      </c>
      <c r="H10" s="9">
        <v>1E-4</v>
      </c>
      <c r="I10" s="9">
        <v>0</v>
      </c>
      <c r="J10" s="10">
        <v>1650.82</v>
      </c>
      <c r="K10" s="9">
        <v>1</v>
      </c>
      <c r="L10" s="9">
        <v>3.6499999999999998E-2</v>
      </c>
    </row>
    <row r="11" spans="1:12" x14ac:dyDescent="0.2">
      <c r="A11" s="3" t="s">
        <v>7</v>
      </c>
      <c r="B11" s="3" t="s">
        <v>75</v>
      </c>
      <c r="C11" s="3" t="s">
        <v>7</v>
      </c>
      <c r="D11" s="3" t="s">
        <v>7</v>
      </c>
      <c r="E11" s="3" t="s">
        <v>7</v>
      </c>
      <c r="F11" s="3" t="s">
        <v>7</v>
      </c>
      <c r="G11" s="3" t="s">
        <v>7</v>
      </c>
      <c r="H11" s="11">
        <v>1E-4</v>
      </c>
      <c r="I11" s="11">
        <v>0</v>
      </c>
      <c r="J11" s="12">
        <v>1650.82</v>
      </c>
      <c r="K11" s="11">
        <v>1</v>
      </c>
      <c r="L11" s="11">
        <v>3.6499999999999998E-2</v>
      </c>
    </row>
    <row r="12" spans="1:12" x14ac:dyDescent="0.2">
      <c r="A12" s="3" t="s">
        <v>7</v>
      </c>
      <c r="B12" s="3" t="s">
        <v>76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3" t="s">
        <v>7</v>
      </c>
      <c r="J12" s="3" t="s">
        <v>7</v>
      </c>
      <c r="K12" s="3" t="s">
        <v>7</v>
      </c>
      <c r="L12" s="3" t="s">
        <v>7</v>
      </c>
    </row>
    <row r="13" spans="1:12" x14ac:dyDescent="0.2">
      <c r="A13" s="13" t="s">
        <v>7</v>
      </c>
      <c r="B13" s="13" t="s">
        <v>77</v>
      </c>
      <c r="C13" s="14">
        <v>89</v>
      </c>
      <c r="D13" s="13" t="s">
        <v>78</v>
      </c>
      <c r="E13" s="13" t="s">
        <v>79</v>
      </c>
      <c r="F13" s="13" t="s">
        <v>80</v>
      </c>
      <c r="G13" s="13" t="s">
        <v>81</v>
      </c>
      <c r="H13" s="15">
        <v>0</v>
      </c>
      <c r="I13" s="15">
        <v>0</v>
      </c>
      <c r="J13" s="16">
        <v>0</v>
      </c>
      <c r="K13" s="15">
        <v>0</v>
      </c>
      <c r="L13" s="15">
        <v>0</v>
      </c>
    </row>
    <row r="14" spans="1:12" x14ac:dyDescent="0.2">
      <c r="A14" s="3" t="s">
        <v>7</v>
      </c>
      <c r="B14" s="3" t="s">
        <v>82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3" t="s">
        <v>7</v>
      </c>
      <c r="I14" s="3" t="s">
        <v>7</v>
      </c>
      <c r="J14" s="3" t="s">
        <v>7</v>
      </c>
      <c r="K14" s="3" t="s">
        <v>7</v>
      </c>
      <c r="L14" s="3" t="s">
        <v>7</v>
      </c>
    </row>
    <row r="15" spans="1:12" x14ac:dyDescent="0.2">
      <c r="A15" s="13" t="s">
        <v>7</v>
      </c>
      <c r="B15" s="13" t="s">
        <v>378</v>
      </c>
      <c r="C15" s="14">
        <v>110002805</v>
      </c>
      <c r="D15" s="13" t="s">
        <v>78</v>
      </c>
      <c r="E15" s="13" t="s">
        <v>79</v>
      </c>
      <c r="F15" s="13" t="s">
        <v>80</v>
      </c>
      <c r="G15" s="13" t="s">
        <v>48</v>
      </c>
      <c r="H15" s="15">
        <v>0</v>
      </c>
      <c r="I15" s="15">
        <v>0</v>
      </c>
      <c r="J15" s="16">
        <v>166.74</v>
      </c>
      <c r="K15" s="15">
        <v>0.10100000000000001</v>
      </c>
      <c r="L15" s="15">
        <v>3.7000000000000002E-3</v>
      </c>
    </row>
    <row r="16" spans="1:12" x14ac:dyDescent="0.2">
      <c r="A16" s="13" t="s">
        <v>7</v>
      </c>
      <c r="B16" s="13" t="s">
        <v>379</v>
      </c>
      <c r="C16" s="14">
        <v>110002987</v>
      </c>
      <c r="D16" s="13" t="s">
        <v>78</v>
      </c>
      <c r="E16" s="13" t="s">
        <v>79</v>
      </c>
      <c r="F16" s="13" t="s">
        <v>80</v>
      </c>
      <c r="G16" s="13" t="s">
        <v>50</v>
      </c>
      <c r="H16" s="15">
        <v>0</v>
      </c>
      <c r="I16" s="15">
        <v>0</v>
      </c>
      <c r="J16" s="16">
        <v>188.84</v>
      </c>
      <c r="K16" s="15">
        <v>0.1144</v>
      </c>
      <c r="L16" s="15">
        <v>4.1999999999999997E-3</v>
      </c>
    </row>
    <row r="17" spans="1:12" x14ac:dyDescent="0.2">
      <c r="A17" s="3" t="s">
        <v>7</v>
      </c>
      <c r="B17" s="3" t="s">
        <v>83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3" t="s">
        <v>7</v>
      </c>
      <c r="I17" s="3" t="s">
        <v>7</v>
      </c>
      <c r="J17" s="3" t="s">
        <v>7</v>
      </c>
      <c r="K17" s="3" t="s">
        <v>7</v>
      </c>
      <c r="L17" s="3" t="s">
        <v>7</v>
      </c>
    </row>
    <row r="18" spans="1:12" x14ac:dyDescent="0.2">
      <c r="A18" s="13" t="s">
        <v>7</v>
      </c>
      <c r="B18" s="13" t="s">
        <v>380</v>
      </c>
      <c r="C18" s="14">
        <v>111111222</v>
      </c>
      <c r="D18" s="13" t="s">
        <v>78</v>
      </c>
      <c r="E18" s="13" t="s">
        <v>79</v>
      </c>
      <c r="F18" s="13" t="s">
        <v>80</v>
      </c>
      <c r="G18" s="13" t="s">
        <v>81</v>
      </c>
      <c r="H18" s="15">
        <v>1E-4</v>
      </c>
      <c r="I18" s="15">
        <v>0</v>
      </c>
      <c r="J18" s="16">
        <v>1295.23</v>
      </c>
      <c r="K18" s="15">
        <v>0.78459999999999996</v>
      </c>
      <c r="L18" s="15">
        <v>2.86E-2</v>
      </c>
    </row>
    <row r="19" spans="1:12" x14ac:dyDescent="0.2">
      <c r="A19" s="3" t="s">
        <v>7</v>
      </c>
      <c r="B19" s="3" t="s">
        <v>84</v>
      </c>
      <c r="C19" s="3" t="s">
        <v>7</v>
      </c>
      <c r="D19" s="3" t="s">
        <v>7</v>
      </c>
      <c r="E19" s="3" t="s">
        <v>7</v>
      </c>
      <c r="F19" s="3" t="s">
        <v>7</v>
      </c>
      <c r="G19" s="3" t="s">
        <v>7</v>
      </c>
      <c r="H19" s="3" t="s">
        <v>7</v>
      </c>
      <c r="I19" s="3" t="s">
        <v>7</v>
      </c>
      <c r="J19" s="3" t="s">
        <v>7</v>
      </c>
      <c r="K19" s="3" t="s">
        <v>7</v>
      </c>
      <c r="L19" s="3" t="s">
        <v>7</v>
      </c>
    </row>
    <row r="20" spans="1:12" x14ac:dyDescent="0.2">
      <c r="A20" s="3" t="s">
        <v>7</v>
      </c>
      <c r="B20" s="3" t="s">
        <v>85</v>
      </c>
      <c r="C20" s="3" t="s">
        <v>7</v>
      </c>
      <c r="D20" s="3" t="s">
        <v>7</v>
      </c>
      <c r="E20" s="3" t="s">
        <v>7</v>
      </c>
      <c r="F20" s="3" t="s">
        <v>7</v>
      </c>
      <c r="G20" s="3" t="s">
        <v>7</v>
      </c>
      <c r="H20" s="3" t="s">
        <v>7</v>
      </c>
      <c r="I20" s="3" t="s">
        <v>7</v>
      </c>
      <c r="J20" s="3" t="s">
        <v>7</v>
      </c>
      <c r="K20" s="3" t="s">
        <v>7</v>
      </c>
      <c r="L20" s="3" t="s">
        <v>7</v>
      </c>
    </row>
    <row r="21" spans="1:12" x14ac:dyDescent="0.2">
      <c r="A21" s="3" t="s">
        <v>7</v>
      </c>
      <c r="B21" s="3" t="s">
        <v>86</v>
      </c>
      <c r="C21" s="3" t="s">
        <v>7</v>
      </c>
      <c r="D21" s="3" t="s">
        <v>7</v>
      </c>
      <c r="E21" s="3" t="s">
        <v>7</v>
      </c>
      <c r="F21" s="3" t="s">
        <v>7</v>
      </c>
      <c r="G21" s="3" t="s">
        <v>7</v>
      </c>
      <c r="H21" s="3" t="s">
        <v>7</v>
      </c>
      <c r="I21" s="3" t="s">
        <v>7</v>
      </c>
      <c r="J21" s="3" t="s">
        <v>7</v>
      </c>
      <c r="K21" s="3" t="s">
        <v>7</v>
      </c>
      <c r="L21" s="3" t="s">
        <v>7</v>
      </c>
    </row>
    <row r="22" spans="1:12" x14ac:dyDescent="0.2">
      <c r="A22" s="3" t="s">
        <v>7</v>
      </c>
      <c r="B22" s="3" t="s">
        <v>87</v>
      </c>
      <c r="C22" s="3" t="s">
        <v>7</v>
      </c>
      <c r="D22" s="3" t="s">
        <v>7</v>
      </c>
      <c r="E22" s="3" t="s">
        <v>7</v>
      </c>
      <c r="F22" s="3" t="s">
        <v>7</v>
      </c>
      <c r="G22" s="3" t="s">
        <v>7</v>
      </c>
      <c r="H22" s="3" t="s">
        <v>7</v>
      </c>
      <c r="I22" s="3" t="s">
        <v>7</v>
      </c>
      <c r="J22" s="3" t="s">
        <v>7</v>
      </c>
      <c r="K22" s="3" t="s">
        <v>7</v>
      </c>
      <c r="L22" s="3" t="s">
        <v>7</v>
      </c>
    </row>
    <row r="23" spans="1:12" x14ac:dyDescent="0.2">
      <c r="A23" s="3" t="s">
        <v>7</v>
      </c>
      <c r="B23" s="3" t="s">
        <v>88</v>
      </c>
      <c r="C23" s="3" t="s">
        <v>7</v>
      </c>
      <c r="D23" s="3" t="s">
        <v>7</v>
      </c>
      <c r="E23" s="3" t="s">
        <v>7</v>
      </c>
      <c r="F23" s="3" t="s">
        <v>7</v>
      </c>
      <c r="G23" s="3" t="s">
        <v>7</v>
      </c>
      <c r="H23" s="11">
        <v>0</v>
      </c>
      <c r="I23" s="11">
        <v>0</v>
      </c>
      <c r="J23" s="12">
        <v>0</v>
      </c>
      <c r="K23" s="11">
        <v>0</v>
      </c>
      <c r="L23" s="11">
        <v>0</v>
      </c>
    </row>
    <row r="24" spans="1:12" x14ac:dyDescent="0.2">
      <c r="A24" s="3" t="s">
        <v>7</v>
      </c>
      <c r="B24" s="3" t="s">
        <v>89</v>
      </c>
      <c r="C24" s="3" t="s">
        <v>7</v>
      </c>
      <c r="D24" s="3" t="s">
        <v>7</v>
      </c>
      <c r="E24" s="3" t="s">
        <v>7</v>
      </c>
      <c r="F24" s="3" t="s">
        <v>7</v>
      </c>
      <c r="G24" s="3" t="s">
        <v>7</v>
      </c>
      <c r="H24" s="3" t="s">
        <v>7</v>
      </c>
      <c r="I24" s="3" t="s">
        <v>7</v>
      </c>
      <c r="J24" s="3" t="s">
        <v>7</v>
      </c>
      <c r="K24" s="3" t="s">
        <v>7</v>
      </c>
      <c r="L24" s="3" t="s">
        <v>7</v>
      </c>
    </row>
    <row r="25" spans="1:12" x14ac:dyDescent="0.2">
      <c r="A25" s="3" t="s">
        <v>7</v>
      </c>
      <c r="B25" s="3" t="s">
        <v>87</v>
      </c>
      <c r="C25" s="3" t="s">
        <v>7</v>
      </c>
      <c r="D25" s="3" t="s">
        <v>7</v>
      </c>
      <c r="E25" s="3" t="s">
        <v>7</v>
      </c>
      <c r="F25" s="3" t="s">
        <v>7</v>
      </c>
      <c r="G25" s="3" t="s">
        <v>7</v>
      </c>
      <c r="H25" s="3" t="s">
        <v>7</v>
      </c>
      <c r="I25" s="3" t="s">
        <v>7</v>
      </c>
      <c r="J25" s="3" t="s">
        <v>7</v>
      </c>
      <c r="K25" s="3" t="s">
        <v>7</v>
      </c>
      <c r="L25" s="3" t="s">
        <v>7</v>
      </c>
    </row>
    <row r="26" spans="1:12" x14ac:dyDescent="0.2">
      <c r="A26" s="8" t="s">
        <v>7</v>
      </c>
      <c r="B26" s="8" t="s">
        <v>90</v>
      </c>
      <c r="C26" s="8" t="s">
        <v>7</v>
      </c>
      <c r="D26" s="8" t="s">
        <v>7</v>
      </c>
      <c r="E26" s="8" t="s">
        <v>7</v>
      </c>
      <c r="F26" s="8" t="s">
        <v>7</v>
      </c>
      <c r="G26" s="8" t="s">
        <v>7</v>
      </c>
      <c r="H26" s="8" t="s">
        <v>7</v>
      </c>
      <c r="I26" s="8" t="s">
        <v>7</v>
      </c>
      <c r="J26" s="8" t="s">
        <v>7</v>
      </c>
      <c r="K26" s="8" t="s">
        <v>7</v>
      </c>
      <c r="L26" s="8" t="s">
        <v>7</v>
      </c>
    </row>
    <row r="27" spans="1:12" x14ac:dyDescent="0.2">
      <c r="A27" s="7" t="s">
        <v>52</v>
      </c>
      <c r="B27" s="7" t="s">
        <v>53</v>
      </c>
    </row>
  </sheetData>
  <pageMargins left="0.7" right="0.7" top="0.75" bottom="0.75" header="0.3" footer="0.3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26"/>
  <sheetViews>
    <sheetView rightToLeft="1" topLeftCell="A10" workbookViewId="0"/>
  </sheetViews>
  <sheetFormatPr defaultRowHeight="14.25" x14ac:dyDescent="0.2"/>
  <cols>
    <col min="1" max="1" width="2" customWidth="1"/>
    <col min="2" max="2" width="34" customWidth="1"/>
    <col min="3" max="3" width="11" customWidth="1"/>
    <col min="4" max="5" width="10" customWidth="1"/>
    <col min="6" max="7" width="13" customWidth="1"/>
    <col min="8" max="8" width="8" customWidth="1"/>
    <col min="9" max="9" width="11" customWidth="1"/>
    <col min="10" max="10" width="24" customWidth="1"/>
    <col min="11" max="11" width="23" customWidth="1"/>
    <col min="12" max="12" width="2" customWidth="1"/>
  </cols>
  <sheetData>
    <row r="1" spans="1:12" x14ac:dyDescent="0.2">
      <c r="B1" s="7" t="s">
        <v>0</v>
      </c>
      <c r="C1" s="7" t="s">
        <v>1</v>
      </c>
    </row>
    <row r="2" spans="1:12" x14ac:dyDescent="0.2">
      <c r="B2" s="7" t="s">
        <v>2</v>
      </c>
      <c r="C2" s="7" t="s">
        <v>3</v>
      </c>
    </row>
    <row r="3" spans="1:12" x14ac:dyDescent="0.2">
      <c r="B3" s="7" t="s">
        <v>4</v>
      </c>
      <c r="C3" s="7" t="s">
        <v>5</v>
      </c>
    </row>
    <row r="4" spans="1:12" x14ac:dyDescent="0.2">
      <c r="B4" s="7" t="s">
        <v>6</v>
      </c>
      <c r="C4" s="7">
        <v>1476</v>
      </c>
    </row>
    <row r="5" spans="1:12" x14ac:dyDescent="0.2">
      <c r="B5" s="7" t="s">
        <v>7</v>
      </c>
      <c r="C5" s="7" t="s">
        <v>7</v>
      </c>
    </row>
    <row r="6" spans="1:12" x14ac:dyDescent="0.2">
      <c r="A6" s="1" t="s">
        <v>7</v>
      </c>
      <c r="B6" s="1" t="s">
        <v>27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1:12" x14ac:dyDescent="0.2">
      <c r="A7" s="1" t="s">
        <v>7</v>
      </c>
      <c r="B7" s="1" t="s">
        <v>313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</row>
    <row r="8" spans="1:12" x14ac:dyDescent="0.2">
      <c r="A8" s="1" t="s">
        <v>7</v>
      </c>
      <c r="B8" s="1" t="s">
        <v>55</v>
      </c>
      <c r="C8" s="1" t="s">
        <v>56</v>
      </c>
      <c r="D8" s="1" t="s">
        <v>132</v>
      </c>
      <c r="E8" s="1" t="s">
        <v>60</v>
      </c>
      <c r="F8" s="1" t="s">
        <v>94</v>
      </c>
      <c r="G8" s="1" t="s">
        <v>96</v>
      </c>
      <c r="H8" s="1" t="s">
        <v>97</v>
      </c>
      <c r="I8" s="1" t="s">
        <v>9</v>
      </c>
      <c r="J8" s="1" t="s">
        <v>64</v>
      </c>
      <c r="K8" s="1" t="s">
        <v>100</v>
      </c>
      <c r="L8" s="1" t="s">
        <v>7</v>
      </c>
    </row>
    <row r="9" spans="1:12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02</v>
      </c>
      <c r="H9" s="1" t="s">
        <v>103</v>
      </c>
      <c r="I9" s="1" t="s">
        <v>11</v>
      </c>
      <c r="J9" s="1" t="s">
        <v>12</v>
      </c>
      <c r="K9" s="1" t="s">
        <v>12</v>
      </c>
      <c r="L9" s="1" t="s">
        <v>7</v>
      </c>
    </row>
    <row r="10" spans="1:12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</v>
      </c>
    </row>
    <row r="11" spans="1:12" x14ac:dyDescent="0.2">
      <c r="A11" s="8" t="s">
        <v>7</v>
      </c>
      <c r="B11" s="8" t="s">
        <v>264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8" t="s">
        <v>7</v>
      </c>
      <c r="I11" s="10">
        <v>4.55</v>
      </c>
      <c r="J11" s="9">
        <v>1</v>
      </c>
      <c r="K11" s="9">
        <v>1E-4</v>
      </c>
      <c r="L11" s="8" t="s">
        <v>7</v>
      </c>
    </row>
    <row r="12" spans="1:12" x14ac:dyDescent="0.2">
      <c r="A12" s="3" t="s">
        <v>7</v>
      </c>
      <c r="B12" s="3" t="s">
        <v>314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12">
        <v>4.55</v>
      </c>
      <c r="J12" s="11">
        <v>1</v>
      </c>
      <c r="K12" s="11">
        <v>1E-4</v>
      </c>
      <c r="L12" s="3" t="s">
        <v>7</v>
      </c>
    </row>
    <row r="13" spans="1:12" x14ac:dyDescent="0.2">
      <c r="A13" s="3" t="s">
        <v>7</v>
      </c>
      <c r="B13" s="3" t="s">
        <v>258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12">
        <v>0</v>
      </c>
      <c r="J13" s="11">
        <v>0</v>
      </c>
      <c r="K13" s="11">
        <v>0</v>
      </c>
      <c r="L13" s="3" t="s">
        <v>7</v>
      </c>
    </row>
    <row r="14" spans="1:12" x14ac:dyDescent="0.2">
      <c r="A14" s="3" t="s">
        <v>7</v>
      </c>
      <c r="B14" s="3" t="s">
        <v>310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3" t="s">
        <v>7</v>
      </c>
      <c r="I14" s="12">
        <v>4.55</v>
      </c>
      <c r="J14" s="11">
        <v>1</v>
      </c>
      <c r="K14" s="11">
        <v>1E-4</v>
      </c>
      <c r="L14" s="3" t="s">
        <v>7</v>
      </c>
    </row>
    <row r="15" spans="1:12" x14ac:dyDescent="0.2">
      <c r="A15" s="13" t="s">
        <v>7</v>
      </c>
      <c r="B15" s="13" t="s">
        <v>315</v>
      </c>
      <c r="C15" s="14">
        <v>9905961</v>
      </c>
      <c r="D15" s="13" t="s">
        <v>316</v>
      </c>
      <c r="E15" s="13" t="s">
        <v>50</v>
      </c>
      <c r="F15" s="13" t="s">
        <v>317</v>
      </c>
      <c r="G15" s="16">
        <v>-100000</v>
      </c>
      <c r="H15" s="16">
        <v>-1.1599999999999999</v>
      </c>
      <c r="I15" s="16">
        <v>4.55</v>
      </c>
      <c r="J15" s="15">
        <v>1</v>
      </c>
      <c r="K15" s="15">
        <v>1E-4</v>
      </c>
      <c r="L15" s="13" t="s">
        <v>7</v>
      </c>
    </row>
    <row r="16" spans="1:12" x14ac:dyDescent="0.2">
      <c r="A16" s="3" t="s">
        <v>7</v>
      </c>
      <c r="B16" s="3" t="s">
        <v>311</v>
      </c>
      <c r="C16" s="3" t="s">
        <v>7</v>
      </c>
      <c r="D16" s="3" t="s">
        <v>7</v>
      </c>
      <c r="E16" s="3" t="s">
        <v>7</v>
      </c>
      <c r="F16" s="3" t="s">
        <v>7</v>
      </c>
      <c r="G16" s="3" t="s">
        <v>7</v>
      </c>
      <c r="H16" s="3" t="s">
        <v>7</v>
      </c>
      <c r="I16" s="12">
        <v>0</v>
      </c>
      <c r="J16" s="11">
        <v>0</v>
      </c>
      <c r="K16" s="11">
        <v>0</v>
      </c>
      <c r="L16" s="3" t="s">
        <v>7</v>
      </c>
    </row>
    <row r="17" spans="1:12" x14ac:dyDescent="0.2">
      <c r="A17" s="3" t="s">
        <v>7</v>
      </c>
      <c r="B17" s="3" t="s">
        <v>260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3" t="s">
        <v>7</v>
      </c>
      <c r="I17" s="12">
        <v>0</v>
      </c>
      <c r="J17" s="11">
        <v>0</v>
      </c>
      <c r="K17" s="11">
        <v>0</v>
      </c>
      <c r="L17" s="3" t="s">
        <v>7</v>
      </c>
    </row>
    <row r="18" spans="1:12" x14ac:dyDescent="0.2">
      <c r="A18" s="3" t="s">
        <v>7</v>
      </c>
      <c r="B18" s="3" t="s">
        <v>235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3" t="s">
        <v>7</v>
      </c>
      <c r="I18" s="12">
        <v>0</v>
      </c>
      <c r="J18" s="11">
        <v>0</v>
      </c>
      <c r="K18" s="11">
        <v>0</v>
      </c>
      <c r="L18" s="3" t="s">
        <v>7</v>
      </c>
    </row>
    <row r="19" spans="1:12" x14ac:dyDescent="0.2">
      <c r="A19" s="3" t="s">
        <v>7</v>
      </c>
      <c r="B19" s="3" t="s">
        <v>318</v>
      </c>
      <c r="C19" s="3" t="s">
        <v>7</v>
      </c>
      <c r="D19" s="3" t="s">
        <v>7</v>
      </c>
      <c r="E19" s="3" t="s">
        <v>7</v>
      </c>
      <c r="F19" s="3" t="s">
        <v>7</v>
      </c>
      <c r="G19" s="3" t="s">
        <v>7</v>
      </c>
      <c r="H19" s="3" t="s">
        <v>7</v>
      </c>
      <c r="I19" s="12">
        <v>0</v>
      </c>
      <c r="J19" s="11">
        <v>0</v>
      </c>
      <c r="K19" s="11">
        <v>0</v>
      </c>
      <c r="L19" s="3" t="s">
        <v>7</v>
      </c>
    </row>
    <row r="20" spans="1:12" x14ac:dyDescent="0.2">
      <c r="A20" s="3" t="s">
        <v>7</v>
      </c>
      <c r="B20" s="3" t="s">
        <v>258</v>
      </c>
      <c r="C20" s="3" t="s">
        <v>7</v>
      </c>
      <c r="D20" s="3" t="s">
        <v>7</v>
      </c>
      <c r="E20" s="3" t="s">
        <v>7</v>
      </c>
      <c r="F20" s="3" t="s">
        <v>7</v>
      </c>
      <c r="G20" s="3" t="s">
        <v>7</v>
      </c>
      <c r="H20" s="3" t="s">
        <v>7</v>
      </c>
      <c r="I20" s="12">
        <v>0</v>
      </c>
      <c r="J20" s="11">
        <v>0</v>
      </c>
      <c r="K20" s="11">
        <v>0</v>
      </c>
      <c r="L20" s="3" t="s">
        <v>7</v>
      </c>
    </row>
    <row r="21" spans="1:12" x14ac:dyDescent="0.2">
      <c r="A21" s="3" t="s">
        <v>7</v>
      </c>
      <c r="B21" s="3" t="s">
        <v>261</v>
      </c>
      <c r="C21" s="3" t="s">
        <v>7</v>
      </c>
      <c r="D21" s="3" t="s">
        <v>7</v>
      </c>
      <c r="E21" s="3" t="s">
        <v>7</v>
      </c>
      <c r="F21" s="3" t="s">
        <v>7</v>
      </c>
      <c r="G21" s="3" t="s">
        <v>7</v>
      </c>
      <c r="H21" s="3" t="s">
        <v>7</v>
      </c>
      <c r="I21" s="12">
        <v>0</v>
      </c>
      <c r="J21" s="11">
        <v>0</v>
      </c>
      <c r="K21" s="11">
        <v>0</v>
      </c>
      <c r="L21" s="3" t="s">
        <v>7</v>
      </c>
    </row>
    <row r="22" spans="1:12" x14ac:dyDescent="0.2">
      <c r="A22" s="3" t="s">
        <v>7</v>
      </c>
      <c r="B22" s="3" t="s">
        <v>260</v>
      </c>
      <c r="C22" s="3" t="s">
        <v>7</v>
      </c>
      <c r="D22" s="3" t="s">
        <v>7</v>
      </c>
      <c r="E22" s="3" t="s">
        <v>7</v>
      </c>
      <c r="F22" s="3" t="s">
        <v>7</v>
      </c>
      <c r="G22" s="3" t="s">
        <v>7</v>
      </c>
      <c r="H22" s="3" t="s">
        <v>7</v>
      </c>
      <c r="I22" s="12">
        <v>0</v>
      </c>
      <c r="J22" s="11">
        <v>0</v>
      </c>
      <c r="K22" s="11">
        <v>0</v>
      </c>
      <c r="L22" s="3" t="s">
        <v>7</v>
      </c>
    </row>
    <row r="23" spans="1:12" x14ac:dyDescent="0.2">
      <c r="A23" s="3" t="s">
        <v>7</v>
      </c>
      <c r="B23" s="3" t="s">
        <v>235</v>
      </c>
      <c r="C23" s="3" t="s">
        <v>7</v>
      </c>
      <c r="D23" s="3" t="s">
        <v>7</v>
      </c>
      <c r="E23" s="3" t="s">
        <v>7</v>
      </c>
      <c r="F23" s="3" t="s">
        <v>7</v>
      </c>
      <c r="G23" s="3" t="s">
        <v>7</v>
      </c>
      <c r="H23" s="3" t="s">
        <v>7</v>
      </c>
      <c r="I23" s="12">
        <v>0</v>
      </c>
      <c r="J23" s="11">
        <v>0</v>
      </c>
      <c r="K23" s="11">
        <v>0</v>
      </c>
      <c r="L23" s="3" t="s">
        <v>7</v>
      </c>
    </row>
    <row r="24" spans="1:12" x14ac:dyDescent="0.2">
      <c r="A24" s="8" t="s">
        <v>7</v>
      </c>
      <c r="B24" s="8" t="s">
        <v>90</v>
      </c>
      <c r="C24" s="8" t="s">
        <v>7</v>
      </c>
      <c r="D24" s="8" t="s">
        <v>7</v>
      </c>
      <c r="E24" s="8" t="s">
        <v>7</v>
      </c>
      <c r="F24" s="8" t="s">
        <v>7</v>
      </c>
      <c r="G24" s="8" t="s">
        <v>7</v>
      </c>
      <c r="H24" s="8" t="s">
        <v>7</v>
      </c>
      <c r="I24" s="8" t="s">
        <v>7</v>
      </c>
      <c r="J24" s="8" t="s">
        <v>7</v>
      </c>
      <c r="K24" s="8" t="s">
        <v>7</v>
      </c>
      <c r="L24" s="8" t="s">
        <v>7</v>
      </c>
    </row>
    <row r="25" spans="1:12" x14ac:dyDescent="0.2">
      <c r="A25" s="8" t="s">
        <v>7</v>
      </c>
      <c r="B25" s="8" t="s">
        <v>129</v>
      </c>
      <c r="C25" s="8" t="s">
        <v>7</v>
      </c>
      <c r="D25" s="8" t="s">
        <v>7</v>
      </c>
      <c r="E25" s="8" t="s">
        <v>7</v>
      </c>
      <c r="F25" s="8" t="s">
        <v>7</v>
      </c>
      <c r="G25" s="8" t="s">
        <v>7</v>
      </c>
      <c r="H25" s="8" t="s">
        <v>7</v>
      </c>
      <c r="I25" s="8" t="s">
        <v>7</v>
      </c>
      <c r="J25" s="8" t="s">
        <v>7</v>
      </c>
      <c r="K25" s="8" t="s">
        <v>7</v>
      </c>
      <c r="L25" s="8" t="s">
        <v>7</v>
      </c>
    </row>
    <row r="26" spans="1:12" x14ac:dyDescent="0.2">
      <c r="A26" s="7" t="s">
        <v>319</v>
      </c>
      <c r="B26" s="7" t="s">
        <v>53</v>
      </c>
    </row>
  </sheetData>
  <pageMargins left="0.7" right="0.7" top="0.75" bottom="0.75" header="0.3" footer="0.3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2"/>
  <sheetViews>
    <sheetView rightToLeft="1" topLeftCell="A10" workbookViewId="0"/>
  </sheetViews>
  <sheetFormatPr defaultRowHeight="14.25" x14ac:dyDescent="0.2"/>
  <cols>
    <col min="1" max="1" width="2" customWidth="1"/>
    <col min="2" max="2" width="34" customWidth="1"/>
    <col min="3" max="4" width="11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5" customWidth="1"/>
    <col min="12" max="12" width="10" customWidth="1"/>
    <col min="13" max="13" width="8" customWidth="1"/>
    <col min="14" max="14" width="11" customWidth="1"/>
    <col min="15" max="15" width="22" customWidth="1"/>
    <col min="16" max="16" width="24" customWidth="1"/>
    <col min="17" max="17" width="23" customWidth="1"/>
    <col min="18" max="18" width="2" customWidth="1"/>
  </cols>
  <sheetData>
    <row r="1" spans="1:18" x14ac:dyDescent="0.2">
      <c r="B1" s="7" t="s">
        <v>0</v>
      </c>
      <c r="C1" s="7" t="s">
        <v>1</v>
      </c>
    </row>
    <row r="2" spans="1:18" x14ac:dyDescent="0.2">
      <c r="B2" s="7" t="s">
        <v>2</v>
      </c>
      <c r="C2" s="7" t="s">
        <v>3</v>
      </c>
    </row>
    <row r="3" spans="1:18" x14ac:dyDescent="0.2">
      <c r="B3" s="7" t="s">
        <v>4</v>
      </c>
      <c r="C3" s="7" t="s">
        <v>5</v>
      </c>
    </row>
    <row r="4" spans="1:18" x14ac:dyDescent="0.2">
      <c r="B4" s="7" t="s">
        <v>6</v>
      </c>
      <c r="C4" s="7">
        <v>1476</v>
      </c>
    </row>
    <row r="5" spans="1:18" x14ac:dyDescent="0.2">
      <c r="B5" s="7" t="s">
        <v>7</v>
      </c>
      <c r="C5" s="7" t="s">
        <v>7</v>
      </c>
    </row>
    <row r="6" spans="1:18" x14ac:dyDescent="0.2">
      <c r="A6" s="1" t="s">
        <v>7</v>
      </c>
      <c r="B6" s="1" t="s">
        <v>27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</row>
    <row r="7" spans="1:18" x14ac:dyDescent="0.2">
      <c r="A7" s="1" t="s">
        <v>7</v>
      </c>
      <c r="B7" s="1" t="s">
        <v>320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</row>
    <row r="8" spans="1:18" x14ac:dyDescent="0.2">
      <c r="A8" s="1" t="s">
        <v>7</v>
      </c>
      <c r="B8" s="1" t="s">
        <v>55</v>
      </c>
      <c r="C8" s="1" t="s">
        <v>56</v>
      </c>
      <c r="D8" s="1" t="s">
        <v>266</v>
      </c>
      <c r="E8" s="1" t="s">
        <v>58</v>
      </c>
      <c r="F8" s="1" t="s">
        <v>59</v>
      </c>
      <c r="G8" s="1" t="s">
        <v>94</v>
      </c>
      <c r="H8" s="1" t="s">
        <v>95</v>
      </c>
      <c r="I8" s="1" t="s">
        <v>60</v>
      </c>
      <c r="J8" s="1" t="s">
        <v>61</v>
      </c>
      <c r="K8" s="1" t="s">
        <v>62</v>
      </c>
      <c r="L8" s="1" t="s">
        <v>96</v>
      </c>
      <c r="M8" s="1" t="s">
        <v>97</v>
      </c>
      <c r="N8" s="1" t="s">
        <v>9</v>
      </c>
      <c r="O8" s="1" t="s">
        <v>99</v>
      </c>
      <c r="P8" s="1" t="s">
        <v>64</v>
      </c>
      <c r="Q8" s="1" t="s">
        <v>100</v>
      </c>
      <c r="R8" s="1" t="s">
        <v>7</v>
      </c>
    </row>
    <row r="9" spans="1:18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43</v>
      </c>
      <c r="H9" s="1" t="s">
        <v>101</v>
      </c>
      <c r="I9" s="1" t="s">
        <v>7</v>
      </c>
      <c r="J9" s="1" t="s">
        <v>12</v>
      </c>
      <c r="K9" s="1" t="s">
        <v>12</v>
      </c>
      <c r="L9" s="1" t="s">
        <v>102</v>
      </c>
      <c r="M9" s="1" t="s">
        <v>103</v>
      </c>
      <c r="N9" s="1" t="s">
        <v>11</v>
      </c>
      <c r="O9" s="1" t="s">
        <v>12</v>
      </c>
      <c r="P9" s="1" t="s">
        <v>12</v>
      </c>
      <c r="Q9" s="1" t="s">
        <v>12</v>
      </c>
      <c r="R9" s="1" t="s">
        <v>7</v>
      </c>
    </row>
    <row r="10" spans="1:18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104</v>
      </c>
      <c r="N10" s="1" t="s">
        <v>105</v>
      </c>
      <c r="O10" s="1" t="s">
        <v>106</v>
      </c>
      <c r="P10" s="1" t="s">
        <v>107</v>
      </c>
      <c r="Q10" s="1" t="s">
        <v>108</v>
      </c>
      <c r="R10" s="1" t="s">
        <v>7</v>
      </c>
    </row>
    <row r="11" spans="1:18" x14ac:dyDescent="0.2">
      <c r="A11" s="8" t="s">
        <v>7</v>
      </c>
      <c r="B11" s="8" t="s">
        <v>321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10">
        <v>0</v>
      </c>
      <c r="I11" s="8" t="s">
        <v>7</v>
      </c>
      <c r="J11" s="9">
        <v>0</v>
      </c>
      <c r="K11" s="9">
        <v>0</v>
      </c>
      <c r="L11" s="8" t="s">
        <v>7</v>
      </c>
      <c r="M11" s="8" t="s">
        <v>7</v>
      </c>
      <c r="N11" s="10">
        <v>0</v>
      </c>
      <c r="O11" s="8" t="s">
        <v>7</v>
      </c>
      <c r="P11" s="9">
        <v>0</v>
      </c>
      <c r="Q11" s="9">
        <v>0</v>
      </c>
      <c r="R11" s="8" t="s">
        <v>7</v>
      </c>
    </row>
    <row r="12" spans="1:18" x14ac:dyDescent="0.2">
      <c r="A12" s="3" t="s">
        <v>7</v>
      </c>
      <c r="B12" s="3" t="s">
        <v>75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12">
        <v>0</v>
      </c>
      <c r="I12" s="3" t="s">
        <v>7</v>
      </c>
      <c r="J12" s="11">
        <v>0</v>
      </c>
      <c r="K12" s="11">
        <v>0</v>
      </c>
      <c r="L12" s="3" t="s">
        <v>7</v>
      </c>
      <c r="M12" s="3" t="s">
        <v>7</v>
      </c>
      <c r="N12" s="12">
        <v>0</v>
      </c>
      <c r="O12" s="3" t="s">
        <v>7</v>
      </c>
      <c r="P12" s="11">
        <v>0</v>
      </c>
      <c r="Q12" s="11">
        <v>0</v>
      </c>
      <c r="R12" s="3" t="s">
        <v>7</v>
      </c>
    </row>
    <row r="13" spans="1:18" x14ac:dyDescent="0.2">
      <c r="A13" s="3" t="s">
        <v>7</v>
      </c>
      <c r="B13" s="3" t="s">
        <v>268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12">
        <v>0</v>
      </c>
      <c r="I13" s="3" t="s">
        <v>7</v>
      </c>
      <c r="J13" s="11">
        <v>0</v>
      </c>
      <c r="K13" s="11">
        <v>0</v>
      </c>
      <c r="L13" s="3" t="s">
        <v>7</v>
      </c>
      <c r="M13" s="3" t="s">
        <v>7</v>
      </c>
      <c r="N13" s="12">
        <v>0</v>
      </c>
      <c r="O13" s="3" t="s">
        <v>7</v>
      </c>
      <c r="P13" s="11">
        <v>0</v>
      </c>
      <c r="Q13" s="11">
        <v>0</v>
      </c>
      <c r="R13" s="3" t="s">
        <v>7</v>
      </c>
    </row>
    <row r="14" spans="1:18" x14ac:dyDescent="0.2">
      <c r="A14" s="3" t="s">
        <v>7</v>
      </c>
      <c r="B14" s="3" t="s">
        <v>269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12">
        <v>0</v>
      </c>
      <c r="I14" s="3" t="s">
        <v>7</v>
      </c>
      <c r="J14" s="11">
        <v>0</v>
      </c>
      <c r="K14" s="11">
        <v>0</v>
      </c>
      <c r="L14" s="3" t="s">
        <v>7</v>
      </c>
      <c r="M14" s="3" t="s">
        <v>7</v>
      </c>
      <c r="N14" s="12">
        <v>0</v>
      </c>
      <c r="O14" s="3" t="s">
        <v>7</v>
      </c>
      <c r="P14" s="11">
        <v>0</v>
      </c>
      <c r="Q14" s="11">
        <v>0</v>
      </c>
      <c r="R14" s="3" t="s">
        <v>7</v>
      </c>
    </row>
    <row r="15" spans="1:18" x14ac:dyDescent="0.2">
      <c r="A15" s="3" t="s">
        <v>7</v>
      </c>
      <c r="B15" s="3" t="s">
        <v>270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12">
        <v>0</v>
      </c>
      <c r="I15" s="3" t="s">
        <v>7</v>
      </c>
      <c r="J15" s="11">
        <v>0</v>
      </c>
      <c r="K15" s="11">
        <v>0</v>
      </c>
      <c r="L15" s="3" t="s">
        <v>7</v>
      </c>
      <c r="M15" s="3" t="s">
        <v>7</v>
      </c>
      <c r="N15" s="12">
        <v>0</v>
      </c>
      <c r="O15" s="3" t="s">
        <v>7</v>
      </c>
      <c r="P15" s="11">
        <v>0</v>
      </c>
      <c r="Q15" s="11">
        <v>0</v>
      </c>
      <c r="R15" s="3" t="s">
        <v>7</v>
      </c>
    </row>
    <row r="16" spans="1:18" x14ac:dyDescent="0.2">
      <c r="A16" s="3" t="s">
        <v>7</v>
      </c>
      <c r="B16" s="3" t="s">
        <v>88</v>
      </c>
      <c r="C16" s="3" t="s">
        <v>7</v>
      </c>
      <c r="D16" s="3" t="s">
        <v>7</v>
      </c>
      <c r="E16" s="3" t="s">
        <v>7</v>
      </c>
      <c r="F16" s="3" t="s">
        <v>7</v>
      </c>
      <c r="G16" s="3" t="s">
        <v>7</v>
      </c>
      <c r="H16" s="12">
        <v>0</v>
      </c>
      <c r="I16" s="3" t="s">
        <v>7</v>
      </c>
      <c r="J16" s="11">
        <v>0</v>
      </c>
      <c r="K16" s="11">
        <v>0</v>
      </c>
      <c r="L16" s="3" t="s">
        <v>7</v>
      </c>
      <c r="M16" s="3" t="s">
        <v>7</v>
      </c>
      <c r="N16" s="12">
        <v>0</v>
      </c>
      <c r="O16" s="3" t="s">
        <v>7</v>
      </c>
      <c r="P16" s="11">
        <v>0</v>
      </c>
      <c r="Q16" s="11">
        <v>0</v>
      </c>
      <c r="R16" s="3" t="s">
        <v>7</v>
      </c>
    </row>
    <row r="17" spans="1:18" x14ac:dyDescent="0.2">
      <c r="A17" s="3" t="s">
        <v>7</v>
      </c>
      <c r="B17" s="3" t="s">
        <v>268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12">
        <v>0</v>
      </c>
      <c r="I17" s="3" t="s">
        <v>7</v>
      </c>
      <c r="J17" s="11">
        <v>0</v>
      </c>
      <c r="K17" s="11">
        <v>0</v>
      </c>
      <c r="L17" s="3" t="s">
        <v>7</v>
      </c>
      <c r="M17" s="3" t="s">
        <v>7</v>
      </c>
      <c r="N17" s="12">
        <v>0</v>
      </c>
      <c r="O17" s="3" t="s">
        <v>7</v>
      </c>
      <c r="P17" s="11">
        <v>0</v>
      </c>
      <c r="Q17" s="11">
        <v>0</v>
      </c>
      <c r="R17" s="3" t="s">
        <v>7</v>
      </c>
    </row>
    <row r="18" spans="1:18" x14ac:dyDescent="0.2">
      <c r="A18" s="3" t="s">
        <v>7</v>
      </c>
      <c r="B18" s="3" t="s">
        <v>269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12">
        <v>0</v>
      </c>
      <c r="I18" s="3" t="s">
        <v>7</v>
      </c>
      <c r="J18" s="11">
        <v>0</v>
      </c>
      <c r="K18" s="11">
        <v>0</v>
      </c>
      <c r="L18" s="3" t="s">
        <v>7</v>
      </c>
      <c r="M18" s="3" t="s">
        <v>7</v>
      </c>
      <c r="N18" s="12">
        <v>0</v>
      </c>
      <c r="O18" s="3" t="s">
        <v>7</v>
      </c>
      <c r="P18" s="11">
        <v>0</v>
      </c>
      <c r="Q18" s="11">
        <v>0</v>
      </c>
      <c r="R18" s="3" t="s">
        <v>7</v>
      </c>
    </row>
    <row r="19" spans="1:18" x14ac:dyDescent="0.2">
      <c r="A19" s="3" t="s">
        <v>7</v>
      </c>
      <c r="B19" s="3" t="s">
        <v>270</v>
      </c>
      <c r="C19" s="3" t="s">
        <v>7</v>
      </c>
      <c r="D19" s="3" t="s">
        <v>7</v>
      </c>
      <c r="E19" s="3" t="s">
        <v>7</v>
      </c>
      <c r="F19" s="3" t="s">
        <v>7</v>
      </c>
      <c r="G19" s="3" t="s">
        <v>7</v>
      </c>
      <c r="H19" s="12">
        <v>0</v>
      </c>
      <c r="I19" s="3" t="s">
        <v>7</v>
      </c>
      <c r="J19" s="11">
        <v>0</v>
      </c>
      <c r="K19" s="11">
        <v>0</v>
      </c>
      <c r="L19" s="3" t="s">
        <v>7</v>
      </c>
      <c r="M19" s="3" t="s">
        <v>7</v>
      </c>
      <c r="N19" s="12">
        <v>0</v>
      </c>
      <c r="O19" s="3" t="s">
        <v>7</v>
      </c>
      <c r="P19" s="11">
        <v>0</v>
      </c>
      <c r="Q19" s="11">
        <v>0</v>
      </c>
      <c r="R19" s="3" t="s">
        <v>7</v>
      </c>
    </row>
    <row r="20" spans="1:18" x14ac:dyDescent="0.2">
      <c r="A20" s="8" t="s">
        <v>7</v>
      </c>
      <c r="B20" s="8" t="s">
        <v>90</v>
      </c>
      <c r="C20" s="8" t="s">
        <v>7</v>
      </c>
      <c r="D20" s="8" t="s">
        <v>7</v>
      </c>
      <c r="E20" s="8" t="s">
        <v>7</v>
      </c>
      <c r="F20" s="8" t="s">
        <v>7</v>
      </c>
      <c r="G20" s="8" t="s">
        <v>7</v>
      </c>
      <c r="H20" s="8" t="s">
        <v>7</v>
      </c>
      <c r="I20" s="8" t="s">
        <v>7</v>
      </c>
      <c r="J20" s="8" t="s">
        <v>7</v>
      </c>
      <c r="K20" s="8" t="s">
        <v>7</v>
      </c>
      <c r="L20" s="8" t="s">
        <v>7</v>
      </c>
      <c r="M20" s="8" t="s">
        <v>7</v>
      </c>
      <c r="N20" s="8" t="s">
        <v>7</v>
      </c>
      <c r="O20" s="8" t="s">
        <v>7</v>
      </c>
      <c r="P20" s="8" t="s">
        <v>7</v>
      </c>
      <c r="Q20" s="8" t="s">
        <v>7</v>
      </c>
      <c r="R20" s="8" t="s">
        <v>7</v>
      </c>
    </row>
    <row r="21" spans="1:18" x14ac:dyDescent="0.2">
      <c r="A21" s="8" t="s">
        <v>7</v>
      </c>
      <c r="B21" s="8" t="s">
        <v>129</v>
      </c>
      <c r="C21" s="8" t="s">
        <v>7</v>
      </c>
      <c r="D21" s="8" t="s">
        <v>7</v>
      </c>
      <c r="E21" s="8" t="s">
        <v>7</v>
      </c>
      <c r="F21" s="8" t="s">
        <v>7</v>
      </c>
      <c r="G21" s="8" t="s">
        <v>7</v>
      </c>
      <c r="H21" s="8" t="s">
        <v>7</v>
      </c>
      <c r="I21" s="8" t="s">
        <v>7</v>
      </c>
      <c r="J21" s="8" t="s">
        <v>7</v>
      </c>
      <c r="K21" s="8" t="s">
        <v>7</v>
      </c>
      <c r="L21" s="8" t="s">
        <v>7</v>
      </c>
      <c r="M21" s="8" t="s">
        <v>7</v>
      </c>
      <c r="N21" s="8" t="s">
        <v>7</v>
      </c>
      <c r="O21" s="8" t="s">
        <v>7</v>
      </c>
      <c r="P21" s="8" t="s">
        <v>7</v>
      </c>
      <c r="Q21" s="8" t="s">
        <v>7</v>
      </c>
      <c r="R21" s="8" t="s">
        <v>7</v>
      </c>
    </row>
    <row r="22" spans="1:18" x14ac:dyDescent="0.2">
      <c r="A22" s="7" t="s">
        <v>319</v>
      </c>
      <c r="B22" s="7" t="s">
        <v>53</v>
      </c>
    </row>
  </sheetData>
  <pageMargins left="0.7" right="0.7" top="0.75" bottom="0.75" header="0.3" footer="0.3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29"/>
  <sheetViews>
    <sheetView rightToLeft="1" topLeftCell="A16" workbookViewId="0"/>
  </sheetViews>
  <sheetFormatPr defaultRowHeight="14.25" x14ac:dyDescent="0.2"/>
  <cols>
    <col min="1" max="1" width="2" customWidth="1"/>
    <col min="2" max="2" width="39" customWidth="1"/>
    <col min="3" max="3" width="18" customWidth="1"/>
    <col min="4" max="4" width="11" customWidth="1"/>
    <col min="5" max="5" width="12" customWidth="1"/>
    <col min="6" max="6" width="7" customWidth="1"/>
    <col min="7" max="7" width="13" customWidth="1"/>
    <col min="8" max="8" width="9" customWidth="1"/>
    <col min="9" max="9" width="6" customWidth="1"/>
    <col min="10" max="11" width="10" customWidth="1"/>
    <col min="12" max="12" width="19" customWidth="1"/>
    <col min="13" max="13" width="15" customWidth="1"/>
    <col min="14" max="14" width="10" customWidth="1"/>
    <col min="15" max="15" width="6" customWidth="1"/>
    <col min="16" max="16" width="11" customWidth="1"/>
    <col min="17" max="17" width="24" customWidth="1"/>
    <col min="18" max="18" width="23" customWidth="1"/>
    <col min="19" max="19" width="2" customWidth="1"/>
  </cols>
  <sheetData>
    <row r="1" spans="1:19" x14ac:dyDescent="0.2">
      <c r="B1" s="7" t="s">
        <v>0</v>
      </c>
      <c r="C1" s="7" t="s">
        <v>1</v>
      </c>
    </row>
    <row r="2" spans="1:19" x14ac:dyDescent="0.2">
      <c r="B2" s="7" t="s">
        <v>2</v>
      </c>
      <c r="C2" s="7" t="s">
        <v>3</v>
      </c>
    </row>
    <row r="3" spans="1:19" x14ac:dyDescent="0.2">
      <c r="B3" s="7" t="s">
        <v>4</v>
      </c>
      <c r="C3" s="7" t="s">
        <v>5</v>
      </c>
    </row>
    <row r="4" spans="1:19" x14ac:dyDescent="0.2">
      <c r="B4" s="7" t="s">
        <v>6</v>
      </c>
      <c r="C4" s="7">
        <v>1476</v>
      </c>
    </row>
    <row r="5" spans="1:19" x14ac:dyDescent="0.2">
      <c r="B5" s="7" t="s">
        <v>7</v>
      </c>
      <c r="C5" s="7" t="s">
        <v>7</v>
      </c>
    </row>
    <row r="6" spans="1:19" x14ac:dyDescent="0.2">
      <c r="A6" s="1" t="s">
        <v>7</v>
      </c>
      <c r="B6" s="1" t="s">
        <v>32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</row>
    <row r="7" spans="1:19" x14ac:dyDescent="0.2">
      <c r="A7" s="1" t="s">
        <v>7</v>
      </c>
      <c r="B7" s="1" t="s">
        <v>55</v>
      </c>
      <c r="C7" s="1" t="s">
        <v>323</v>
      </c>
      <c r="D7" s="1" t="s">
        <v>56</v>
      </c>
      <c r="E7" s="1" t="s">
        <v>57</v>
      </c>
      <c r="F7" s="1" t="s">
        <v>58</v>
      </c>
      <c r="G7" s="1" t="s">
        <v>94</v>
      </c>
      <c r="H7" s="1" t="s">
        <v>59</v>
      </c>
      <c r="I7" s="1" t="s">
        <v>95</v>
      </c>
      <c r="J7" s="1" t="s">
        <v>132</v>
      </c>
      <c r="K7" s="1" t="s">
        <v>60</v>
      </c>
      <c r="L7" s="1" t="s">
        <v>324</v>
      </c>
      <c r="M7" s="1" t="s">
        <v>62</v>
      </c>
      <c r="N7" s="1" t="s">
        <v>96</v>
      </c>
      <c r="O7" s="1" t="s">
        <v>97</v>
      </c>
      <c r="P7" s="1" t="s">
        <v>9</v>
      </c>
      <c r="Q7" s="1" t="s">
        <v>64</v>
      </c>
      <c r="R7" s="1" t="s">
        <v>100</v>
      </c>
      <c r="S7" s="1" t="s">
        <v>7</v>
      </c>
    </row>
    <row r="8" spans="1:19" x14ac:dyDescent="0.2">
      <c r="A8" s="1" t="s">
        <v>7</v>
      </c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43</v>
      </c>
      <c r="H8" s="1" t="s">
        <v>7</v>
      </c>
      <c r="I8" s="1" t="s">
        <v>101</v>
      </c>
      <c r="J8" s="1" t="s">
        <v>7</v>
      </c>
      <c r="K8" s="1" t="s">
        <v>7</v>
      </c>
      <c r="L8" s="1" t="s">
        <v>12</v>
      </c>
      <c r="M8" s="1" t="s">
        <v>12</v>
      </c>
      <c r="N8" s="1" t="s">
        <v>144</v>
      </c>
      <c r="O8" s="1" t="s">
        <v>7</v>
      </c>
      <c r="P8" s="1" t="s">
        <v>11</v>
      </c>
      <c r="Q8" s="1" t="s">
        <v>12</v>
      </c>
      <c r="R8" s="1" t="s">
        <v>12</v>
      </c>
      <c r="S8" s="1" t="s">
        <v>7</v>
      </c>
    </row>
    <row r="9" spans="1:19" x14ac:dyDescent="0.2">
      <c r="A9" s="1" t="s">
        <v>7</v>
      </c>
      <c r="B9" s="1" t="s">
        <v>7</v>
      </c>
      <c r="C9" s="1" t="s">
        <v>13</v>
      </c>
      <c r="D9" s="1" t="s">
        <v>14</v>
      </c>
      <c r="E9" s="1" t="s">
        <v>66</v>
      </c>
      <c r="F9" s="1" t="s">
        <v>67</v>
      </c>
      <c r="G9" s="1" t="s">
        <v>68</v>
      </c>
      <c r="H9" s="1" t="s">
        <v>69</v>
      </c>
      <c r="I9" s="1" t="s">
        <v>70</v>
      </c>
      <c r="J9" s="1" t="s">
        <v>71</v>
      </c>
      <c r="K9" s="1" t="s">
        <v>72</v>
      </c>
      <c r="L9" s="1" t="s">
        <v>73</v>
      </c>
      <c r="M9" s="1" t="s">
        <v>104</v>
      </c>
      <c r="N9" s="1" t="s">
        <v>105</v>
      </c>
      <c r="O9" s="1" t="s">
        <v>106</v>
      </c>
      <c r="P9" s="1" t="s">
        <v>107</v>
      </c>
      <c r="Q9" s="1" t="s">
        <v>108</v>
      </c>
      <c r="R9" s="1" t="s">
        <v>109</v>
      </c>
      <c r="S9" s="1" t="s">
        <v>7</v>
      </c>
    </row>
    <row r="10" spans="1:19" x14ac:dyDescent="0.2">
      <c r="A10" s="8" t="s">
        <v>7</v>
      </c>
      <c r="B10" s="8" t="s">
        <v>325</v>
      </c>
      <c r="C10" s="8" t="s">
        <v>7</v>
      </c>
      <c r="D10" s="8" t="s">
        <v>7</v>
      </c>
      <c r="E10" s="8" t="s">
        <v>7</v>
      </c>
      <c r="F10" s="8" t="s">
        <v>7</v>
      </c>
      <c r="G10" s="8" t="s">
        <v>7</v>
      </c>
      <c r="H10" s="8" t="s">
        <v>7</v>
      </c>
      <c r="I10" s="10">
        <v>0</v>
      </c>
      <c r="J10" s="8" t="s">
        <v>7</v>
      </c>
      <c r="K10" s="8" t="s">
        <v>7</v>
      </c>
      <c r="L10" s="9">
        <v>0</v>
      </c>
      <c r="M10" s="9">
        <v>0</v>
      </c>
      <c r="N10" s="8" t="s">
        <v>7</v>
      </c>
      <c r="O10" s="8" t="s">
        <v>7</v>
      </c>
      <c r="P10" s="10">
        <v>0</v>
      </c>
      <c r="Q10" s="9">
        <v>0</v>
      </c>
      <c r="R10" s="9">
        <v>0</v>
      </c>
      <c r="S10" s="8" t="s">
        <v>7</v>
      </c>
    </row>
    <row r="11" spans="1:19" x14ac:dyDescent="0.2">
      <c r="A11" s="3" t="s">
        <v>7</v>
      </c>
      <c r="B11" s="3" t="s">
        <v>326</v>
      </c>
      <c r="C11" s="3" t="s">
        <v>7</v>
      </c>
      <c r="D11" s="3" t="s">
        <v>7</v>
      </c>
      <c r="E11" s="3" t="s">
        <v>7</v>
      </c>
      <c r="F11" s="3" t="s">
        <v>7</v>
      </c>
      <c r="G11" s="3" t="s">
        <v>7</v>
      </c>
      <c r="H11" s="3" t="s">
        <v>7</v>
      </c>
      <c r="I11" s="12">
        <v>0</v>
      </c>
      <c r="J11" s="3" t="s">
        <v>7</v>
      </c>
      <c r="K11" s="3" t="s">
        <v>7</v>
      </c>
      <c r="L11" s="11">
        <v>0</v>
      </c>
      <c r="M11" s="11">
        <v>0</v>
      </c>
      <c r="N11" s="3" t="s">
        <v>7</v>
      </c>
      <c r="O11" s="3" t="s">
        <v>7</v>
      </c>
      <c r="P11" s="12">
        <v>0</v>
      </c>
      <c r="Q11" s="11">
        <v>0</v>
      </c>
      <c r="R11" s="11">
        <v>0</v>
      </c>
      <c r="S11" s="3" t="s">
        <v>7</v>
      </c>
    </row>
    <row r="12" spans="1:19" x14ac:dyDescent="0.2">
      <c r="A12" s="3" t="s">
        <v>7</v>
      </c>
      <c r="B12" s="3" t="s">
        <v>327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12">
        <v>0</v>
      </c>
      <c r="J12" s="3" t="s">
        <v>7</v>
      </c>
      <c r="K12" s="3" t="s">
        <v>7</v>
      </c>
      <c r="L12" s="11">
        <v>0</v>
      </c>
      <c r="M12" s="11">
        <v>0</v>
      </c>
      <c r="N12" s="3" t="s">
        <v>7</v>
      </c>
      <c r="O12" s="3" t="s">
        <v>7</v>
      </c>
      <c r="P12" s="12">
        <v>0</v>
      </c>
      <c r="Q12" s="11">
        <v>0</v>
      </c>
      <c r="R12" s="11">
        <v>0</v>
      </c>
      <c r="S12" s="3" t="s">
        <v>7</v>
      </c>
    </row>
    <row r="13" spans="1:19" x14ac:dyDescent="0.2">
      <c r="A13" s="3" t="s">
        <v>7</v>
      </c>
      <c r="B13" s="3" t="s">
        <v>328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12">
        <v>0</v>
      </c>
      <c r="J13" s="3" t="s">
        <v>7</v>
      </c>
      <c r="K13" s="3" t="s">
        <v>7</v>
      </c>
      <c r="L13" s="11">
        <v>0</v>
      </c>
      <c r="M13" s="11">
        <v>0</v>
      </c>
      <c r="N13" s="3" t="s">
        <v>7</v>
      </c>
      <c r="O13" s="3" t="s">
        <v>7</v>
      </c>
      <c r="P13" s="12">
        <v>0</v>
      </c>
      <c r="Q13" s="11">
        <v>0</v>
      </c>
      <c r="R13" s="11">
        <v>0</v>
      </c>
      <c r="S13" s="3" t="s">
        <v>7</v>
      </c>
    </row>
    <row r="14" spans="1:19" x14ac:dyDescent="0.2">
      <c r="A14" s="3" t="s">
        <v>7</v>
      </c>
      <c r="B14" s="3" t="s">
        <v>329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3" t="s">
        <v>7</v>
      </c>
      <c r="I14" s="12">
        <v>0</v>
      </c>
      <c r="J14" s="3" t="s">
        <v>7</v>
      </c>
      <c r="K14" s="3" t="s">
        <v>7</v>
      </c>
      <c r="L14" s="11">
        <v>0</v>
      </c>
      <c r="M14" s="11">
        <v>0</v>
      </c>
      <c r="N14" s="3" t="s">
        <v>7</v>
      </c>
      <c r="O14" s="3" t="s">
        <v>7</v>
      </c>
      <c r="P14" s="12">
        <v>0</v>
      </c>
      <c r="Q14" s="11">
        <v>0</v>
      </c>
      <c r="R14" s="11">
        <v>0</v>
      </c>
      <c r="S14" s="3" t="s">
        <v>7</v>
      </c>
    </row>
    <row r="15" spans="1:19" x14ac:dyDescent="0.2">
      <c r="A15" s="3" t="s">
        <v>7</v>
      </c>
      <c r="B15" s="3" t="s">
        <v>330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3" t="s">
        <v>7</v>
      </c>
      <c r="I15" s="12">
        <v>0</v>
      </c>
      <c r="J15" s="3" t="s">
        <v>7</v>
      </c>
      <c r="K15" s="3" t="s">
        <v>7</v>
      </c>
      <c r="L15" s="11">
        <v>0</v>
      </c>
      <c r="M15" s="11">
        <v>0</v>
      </c>
      <c r="N15" s="3" t="s">
        <v>7</v>
      </c>
      <c r="O15" s="3" t="s">
        <v>7</v>
      </c>
      <c r="P15" s="12">
        <v>0</v>
      </c>
      <c r="Q15" s="11">
        <v>0</v>
      </c>
      <c r="R15" s="11">
        <v>0</v>
      </c>
      <c r="S15" s="3" t="s">
        <v>7</v>
      </c>
    </row>
    <row r="16" spans="1:19" x14ac:dyDescent="0.2">
      <c r="A16" s="3" t="s">
        <v>7</v>
      </c>
      <c r="B16" s="3" t="s">
        <v>331</v>
      </c>
      <c r="C16" s="3" t="s">
        <v>7</v>
      </c>
      <c r="D16" s="3" t="s">
        <v>7</v>
      </c>
      <c r="E16" s="3" t="s">
        <v>7</v>
      </c>
      <c r="F16" s="3" t="s">
        <v>7</v>
      </c>
      <c r="G16" s="3" t="s">
        <v>7</v>
      </c>
      <c r="H16" s="3" t="s">
        <v>7</v>
      </c>
      <c r="I16" s="12">
        <v>0</v>
      </c>
      <c r="J16" s="3" t="s">
        <v>7</v>
      </c>
      <c r="K16" s="3" t="s">
        <v>7</v>
      </c>
      <c r="L16" s="11">
        <v>0</v>
      </c>
      <c r="M16" s="11">
        <v>0</v>
      </c>
      <c r="N16" s="3" t="s">
        <v>7</v>
      </c>
      <c r="O16" s="3" t="s">
        <v>7</v>
      </c>
      <c r="P16" s="12">
        <v>0</v>
      </c>
      <c r="Q16" s="11">
        <v>0</v>
      </c>
      <c r="R16" s="11">
        <v>0</v>
      </c>
      <c r="S16" s="3" t="s">
        <v>7</v>
      </c>
    </row>
    <row r="17" spans="1:19" x14ac:dyDescent="0.2">
      <c r="A17" s="3" t="s">
        <v>7</v>
      </c>
      <c r="B17" s="3" t="s">
        <v>332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3" t="s">
        <v>7</v>
      </c>
      <c r="I17" s="12">
        <v>0</v>
      </c>
      <c r="J17" s="3" t="s">
        <v>7</v>
      </c>
      <c r="K17" s="3" t="s">
        <v>7</v>
      </c>
      <c r="L17" s="11">
        <v>0</v>
      </c>
      <c r="M17" s="11">
        <v>0</v>
      </c>
      <c r="N17" s="3" t="s">
        <v>7</v>
      </c>
      <c r="O17" s="3" t="s">
        <v>7</v>
      </c>
      <c r="P17" s="12">
        <v>0</v>
      </c>
      <c r="Q17" s="11">
        <v>0</v>
      </c>
      <c r="R17" s="11">
        <v>0</v>
      </c>
      <c r="S17" s="3" t="s">
        <v>7</v>
      </c>
    </row>
    <row r="18" spans="1:19" x14ac:dyDescent="0.2">
      <c r="A18" s="3" t="s">
        <v>7</v>
      </c>
      <c r="B18" s="3" t="s">
        <v>333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3" t="s">
        <v>7</v>
      </c>
      <c r="I18" s="3" t="s">
        <v>7</v>
      </c>
      <c r="J18" s="3" t="s">
        <v>7</v>
      </c>
      <c r="K18" s="3" t="s">
        <v>7</v>
      </c>
      <c r="L18" s="3" t="s">
        <v>7</v>
      </c>
      <c r="M18" s="3" t="s">
        <v>7</v>
      </c>
      <c r="N18" s="3" t="s">
        <v>7</v>
      </c>
      <c r="O18" s="3" t="s">
        <v>7</v>
      </c>
      <c r="P18" s="3" t="s">
        <v>7</v>
      </c>
      <c r="Q18" s="3" t="s">
        <v>7</v>
      </c>
      <c r="R18" s="3" t="s">
        <v>7</v>
      </c>
      <c r="S18" s="3" t="s">
        <v>7</v>
      </c>
    </row>
    <row r="19" spans="1:19" x14ac:dyDescent="0.2">
      <c r="A19" s="3" t="s">
        <v>7</v>
      </c>
      <c r="B19" s="3" t="s">
        <v>334</v>
      </c>
      <c r="C19" s="3" t="s">
        <v>7</v>
      </c>
      <c r="D19" s="3" t="s">
        <v>7</v>
      </c>
      <c r="E19" s="3" t="s">
        <v>7</v>
      </c>
      <c r="F19" s="3" t="s">
        <v>7</v>
      </c>
      <c r="G19" s="3" t="s">
        <v>7</v>
      </c>
      <c r="H19" s="3" t="s">
        <v>7</v>
      </c>
      <c r="I19" s="3" t="s">
        <v>7</v>
      </c>
      <c r="J19" s="3" t="s">
        <v>7</v>
      </c>
      <c r="K19" s="3" t="s">
        <v>7</v>
      </c>
      <c r="L19" s="3" t="s">
        <v>7</v>
      </c>
      <c r="M19" s="3" t="s">
        <v>7</v>
      </c>
      <c r="N19" s="3" t="s">
        <v>7</v>
      </c>
      <c r="O19" s="3" t="s">
        <v>7</v>
      </c>
      <c r="P19" s="3" t="s">
        <v>7</v>
      </c>
      <c r="Q19" s="3" t="s">
        <v>7</v>
      </c>
      <c r="R19" s="3" t="s">
        <v>7</v>
      </c>
      <c r="S19" s="3" t="s">
        <v>7</v>
      </c>
    </row>
    <row r="20" spans="1:19" x14ac:dyDescent="0.2">
      <c r="A20" s="3" t="s">
        <v>7</v>
      </c>
      <c r="B20" s="3" t="s">
        <v>335</v>
      </c>
      <c r="C20" s="3" t="s">
        <v>7</v>
      </c>
      <c r="D20" s="3" t="s">
        <v>7</v>
      </c>
      <c r="E20" s="3" t="s">
        <v>7</v>
      </c>
      <c r="F20" s="3" t="s">
        <v>7</v>
      </c>
      <c r="G20" s="3" t="s">
        <v>7</v>
      </c>
      <c r="H20" s="3" t="s">
        <v>7</v>
      </c>
      <c r="I20" s="12">
        <v>0</v>
      </c>
      <c r="J20" s="3" t="s">
        <v>7</v>
      </c>
      <c r="K20" s="3" t="s">
        <v>7</v>
      </c>
      <c r="L20" s="11">
        <v>0</v>
      </c>
      <c r="M20" s="11">
        <v>0</v>
      </c>
      <c r="N20" s="3" t="s">
        <v>7</v>
      </c>
      <c r="O20" s="3" t="s">
        <v>7</v>
      </c>
      <c r="P20" s="12">
        <v>0</v>
      </c>
      <c r="Q20" s="11">
        <v>0</v>
      </c>
      <c r="R20" s="11">
        <v>0</v>
      </c>
      <c r="S20" s="3" t="s">
        <v>7</v>
      </c>
    </row>
    <row r="21" spans="1:19" x14ac:dyDescent="0.2">
      <c r="A21" s="3" t="s">
        <v>7</v>
      </c>
      <c r="B21" s="3" t="s">
        <v>336</v>
      </c>
      <c r="C21" s="3" t="s">
        <v>7</v>
      </c>
      <c r="D21" s="3" t="s">
        <v>7</v>
      </c>
      <c r="E21" s="3" t="s">
        <v>7</v>
      </c>
      <c r="F21" s="3" t="s">
        <v>7</v>
      </c>
      <c r="G21" s="3" t="s">
        <v>7</v>
      </c>
      <c r="H21" s="3" t="s">
        <v>7</v>
      </c>
      <c r="I21" s="12">
        <v>0</v>
      </c>
      <c r="J21" s="3" t="s">
        <v>7</v>
      </c>
      <c r="K21" s="3" t="s">
        <v>7</v>
      </c>
      <c r="L21" s="11">
        <v>0</v>
      </c>
      <c r="M21" s="11">
        <v>0</v>
      </c>
      <c r="N21" s="3" t="s">
        <v>7</v>
      </c>
      <c r="O21" s="3" t="s">
        <v>7</v>
      </c>
      <c r="P21" s="12">
        <v>0</v>
      </c>
      <c r="Q21" s="11">
        <v>0</v>
      </c>
      <c r="R21" s="11">
        <v>0</v>
      </c>
      <c r="S21" s="3" t="s">
        <v>7</v>
      </c>
    </row>
    <row r="22" spans="1:19" x14ac:dyDescent="0.2">
      <c r="A22" s="3" t="s">
        <v>7</v>
      </c>
      <c r="B22" s="3" t="s">
        <v>337</v>
      </c>
      <c r="C22" s="3" t="s">
        <v>7</v>
      </c>
      <c r="D22" s="3" t="s">
        <v>7</v>
      </c>
      <c r="E22" s="3" t="s">
        <v>7</v>
      </c>
      <c r="F22" s="3" t="s">
        <v>7</v>
      </c>
      <c r="G22" s="3" t="s">
        <v>7</v>
      </c>
      <c r="H22" s="3" t="s">
        <v>7</v>
      </c>
      <c r="I22" s="12">
        <v>0</v>
      </c>
      <c r="J22" s="3" t="s">
        <v>7</v>
      </c>
      <c r="K22" s="3" t="s">
        <v>7</v>
      </c>
      <c r="L22" s="11">
        <v>0</v>
      </c>
      <c r="M22" s="11">
        <v>0</v>
      </c>
      <c r="N22" s="3" t="s">
        <v>7</v>
      </c>
      <c r="O22" s="3" t="s">
        <v>7</v>
      </c>
      <c r="P22" s="12">
        <v>0</v>
      </c>
      <c r="Q22" s="11">
        <v>0</v>
      </c>
      <c r="R22" s="11">
        <v>0</v>
      </c>
      <c r="S22" s="3" t="s">
        <v>7</v>
      </c>
    </row>
    <row r="23" spans="1:19" x14ac:dyDescent="0.2">
      <c r="A23" s="3" t="s">
        <v>7</v>
      </c>
      <c r="B23" s="3" t="s">
        <v>328</v>
      </c>
      <c r="C23" s="3" t="s">
        <v>7</v>
      </c>
      <c r="D23" s="3" t="s">
        <v>7</v>
      </c>
      <c r="E23" s="3" t="s">
        <v>7</v>
      </c>
      <c r="F23" s="3" t="s">
        <v>7</v>
      </c>
      <c r="G23" s="3" t="s">
        <v>7</v>
      </c>
      <c r="H23" s="3" t="s">
        <v>7</v>
      </c>
      <c r="I23" s="12">
        <v>0</v>
      </c>
      <c r="J23" s="3" t="s">
        <v>7</v>
      </c>
      <c r="K23" s="3" t="s">
        <v>7</v>
      </c>
      <c r="L23" s="11">
        <v>0</v>
      </c>
      <c r="M23" s="11">
        <v>0</v>
      </c>
      <c r="N23" s="3" t="s">
        <v>7</v>
      </c>
      <c r="O23" s="3" t="s">
        <v>7</v>
      </c>
      <c r="P23" s="12">
        <v>0</v>
      </c>
      <c r="Q23" s="11">
        <v>0</v>
      </c>
      <c r="R23" s="11">
        <v>0</v>
      </c>
      <c r="S23" s="3" t="s">
        <v>7</v>
      </c>
    </row>
    <row r="24" spans="1:19" x14ac:dyDescent="0.2">
      <c r="A24" s="3" t="s">
        <v>7</v>
      </c>
      <c r="B24" s="3" t="s">
        <v>329</v>
      </c>
      <c r="C24" s="3" t="s">
        <v>7</v>
      </c>
      <c r="D24" s="3" t="s">
        <v>7</v>
      </c>
      <c r="E24" s="3" t="s">
        <v>7</v>
      </c>
      <c r="F24" s="3" t="s">
        <v>7</v>
      </c>
      <c r="G24" s="3" t="s">
        <v>7</v>
      </c>
      <c r="H24" s="3" t="s">
        <v>7</v>
      </c>
      <c r="I24" s="12">
        <v>0</v>
      </c>
      <c r="J24" s="3" t="s">
        <v>7</v>
      </c>
      <c r="K24" s="3" t="s">
        <v>7</v>
      </c>
      <c r="L24" s="11">
        <v>0</v>
      </c>
      <c r="M24" s="11">
        <v>0</v>
      </c>
      <c r="N24" s="3" t="s">
        <v>7</v>
      </c>
      <c r="O24" s="3" t="s">
        <v>7</v>
      </c>
      <c r="P24" s="12">
        <v>0</v>
      </c>
      <c r="Q24" s="11">
        <v>0</v>
      </c>
      <c r="R24" s="11">
        <v>0</v>
      </c>
      <c r="S24" s="3" t="s">
        <v>7</v>
      </c>
    </row>
    <row r="25" spans="1:19" x14ac:dyDescent="0.2">
      <c r="A25" s="3" t="s">
        <v>7</v>
      </c>
      <c r="B25" s="3" t="s">
        <v>330</v>
      </c>
      <c r="C25" s="3" t="s">
        <v>7</v>
      </c>
      <c r="D25" s="3" t="s">
        <v>7</v>
      </c>
      <c r="E25" s="3" t="s">
        <v>7</v>
      </c>
      <c r="F25" s="3" t="s">
        <v>7</v>
      </c>
      <c r="G25" s="3" t="s">
        <v>7</v>
      </c>
      <c r="H25" s="3" t="s">
        <v>7</v>
      </c>
      <c r="I25" s="12">
        <v>0</v>
      </c>
      <c r="J25" s="3" t="s">
        <v>7</v>
      </c>
      <c r="K25" s="3" t="s">
        <v>7</v>
      </c>
      <c r="L25" s="11">
        <v>0</v>
      </c>
      <c r="M25" s="11">
        <v>0</v>
      </c>
      <c r="N25" s="3" t="s">
        <v>7</v>
      </c>
      <c r="O25" s="3" t="s">
        <v>7</v>
      </c>
      <c r="P25" s="12">
        <v>0</v>
      </c>
      <c r="Q25" s="11">
        <v>0</v>
      </c>
      <c r="R25" s="11">
        <v>0</v>
      </c>
      <c r="S25" s="3" t="s">
        <v>7</v>
      </c>
    </row>
    <row r="26" spans="1:19" x14ac:dyDescent="0.2">
      <c r="A26" s="3" t="s">
        <v>7</v>
      </c>
      <c r="B26" s="3" t="s">
        <v>336</v>
      </c>
      <c r="C26" s="3" t="s">
        <v>7</v>
      </c>
      <c r="D26" s="3" t="s">
        <v>7</v>
      </c>
      <c r="E26" s="3" t="s">
        <v>7</v>
      </c>
      <c r="F26" s="3" t="s">
        <v>7</v>
      </c>
      <c r="G26" s="3" t="s">
        <v>7</v>
      </c>
      <c r="H26" s="3" t="s">
        <v>7</v>
      </c>
      <c r="I26" s="12">
        <v>0</v>
      </c>
      <c r="J26" s="3" t="s">
        <v>7</v>
      </c>
      <c r="K26" s="3" t="s">
        <v>7</v>
      </c>
      <c r="L26" s="11">
        <v>0</v>
      </c>
      <c r="M26" s="11">
        <v>0</v>
      </c>
      <c r="N26" s="3" t="s">
        <v>7</v>
      </c>
      <c r="O26" s="3" t="s">
        <v>7</v>
      </c>
      <c r="P26" s="12">
        <v>0</v>
      </c>
      <c r="Q26" s="11">
        <v>0</v>
      </c>
      <c r="R26" s="11">
        <v>0</v>
      </c>
      <c r="S26" s="3" t="s">
        <v>7</v>
      </c>
    </row>
    <row r="27" spans="1:19" x14ac:dyDescent="0.2">
      <c r="A27" s="8" t="s">
        <v>7</v>
      </c>
      <c r="B27" s="8" t="s">
        <v>90</v>
      </c>
      <c r="C27" s="8" t="s">
        <v>7</v>
      </c>
      <c r="D27" s="8" t="s">
        <v>7</v>
      </c>
      <c r="E27" s="8" t="s">
        <v>7</v>
      </c>
      <c r="F27" s="8" t="s">
        <v>7</v>
      </c>
      <c r="G27" s="8" t="s">
        <v>7</v>
      </c>
      <c r="H27" s="8" t="s">
        <v>7</v>
      </c>
      <c r="I27" s="8" t="s">
        <v>7</v>
      </c>
      <c r="J27" s="8" t="s">
        <v>7</v>
      </c>
      <c r="K27" s="8" t="s">
        <v>7</v>
      </c>
      <c r="L27" s="8" t="s">
        <v>7</v>
      </c>
      <c r="M27" s="8" t="s">
        <v>7</v>
      </c>
      <c r="N27" s="8" t="s">
        <v>7</v>
      </c>
      <c r="O27" s="8" t="s">
        <v>7</v>
      </c>
      <c r="P27" s="8" t="s">
        <v>7</v>
      </c>
      <c r="Q27" s="8" t="s">
        <v>7</v>
      </c>
      <c r="R27" s="8" t="s">
        <v>7</v>
      </c>
      <c r="S27" s="8" t="s">
        <v>7</v>
      </c>
    </row>
    <row r="28" spans="1:19" x14ac:dyDescent="0.2">
      <c r="A28" s="8" t="s">
        <v>7</v>
      </c>
      <c r="B28" s="8" t="s">
        <v>129</v>
      </c>
      <c r="C28" s="8" t="s">
        <v>7</v>
      </c>
      <c r="D28" s="8" t="s">
        <v>7</v>
      </c>
      <c r="E28" s="8" t="s">
        <v>7</v>
      </c>
      <c r="F28" s="8" t="s">
        <v>7</v>
      </c>
      <c r="G28" s="8" t="s">
        <v>7</v>
      </c>
      <c r="H28" s="8" t="s">
        <v>7</v>
      </c>
      <c r="I28" s="8" t="s">
        <v>7</v>
      </c>
      <c r="J28" s="8" t="s">
        <v>7</v>
      </c>
      <c r="K28" s="8" t="s">
        <v>7</v>
      </c>
      <c r="L28" s="8" t="s">
        <v>7</v>
      </c>
      <c r="M28" s="8" t="s">
        <v>7</v>
      </c>
      <c r="N28" s="8" t="s">
        <v>7</v>
      </c>
      <c r="O28" s="8" t="s">
        <v>7</v>
      </c>
      <c r="P28" s="8" t="s">
        <v>7</v>
      </c>
      <c r="Q28" s="8" t="s">
        <v>7</v>
      </c>
      <c r="R28" s="8" t="s">
        <v>7</v>
      </c>
      <c r="S28" s="8" t="s">
        <v>7</v>
      </c>
    </row>
    <row r="29" spans="1:19" x14ac:dyDescent="0.2">
      <c r="A29" s="7" t="s">
        <v>319</v>
      </c>
      <c r="B29" s="7" t="s">
        <v>53</v>
      </c>
    </row>
  </sheetData>
  <pageMargins left="0.7" right="0.7" top="0.75" bottom="0.75" header="0.3" footer="0.3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0"/>
  <sheetViews>
    <sheetView rightToLeft="1" workbookViewId="0"/>
  </sheetViews>
  <sheetFormatPr defaultRowHeight="14.25" x14ac:dyDescent="0.2"/>
  <cols>
    <col min="1" max="1" width="2" customWidth="1"/>
    <col min="2" max="2" width="34" customWidth="1"/>
    <col min="3" max="3" width="11" customWidth="1"/>
    <col min="4" max="4" width="12" customWidth="1"/>
    <col min="5" max="5" width="7" customWidth="1"/>
    <col min="6" max="6" width="9" customWidth="1"/>
    <col min="7" max="7" width="6" customWidth="1"/>
    <col min="8" max="8" width="10" customWidth="1"/>
    <col min="9" max="9" width="19" customWidth="1"/>
    <col min="10" max="10" width="15" customWidth="1"/>
    <col min="11" max="11" width="10" customWidth="1"/>
    <col min="12" max="12" width="8" customWidth="1"/>
    <col min="13" max="13" width="11" customWidth="1"/>
    <col min="14" max="14" width="24" customWidth="1"/>
    <col min="15" max="15" width="23" customWidth="1"/>
    <col min="16" max="16" width="2" customWidth="1"/>
  </cols>
  <sheetData>
    <row r="1" spans="1:16" x14ac:dyDescent="0.2">
      <c r="B1" s="7" t="s">
        <v>0</v>
      </c>
      <c r="C1" s="7" t="s">
        <v>1</v>
      </c>
    </row>
    <row r="2" spans="1:16" x14ac:dyDescent="0.2">
      <c r="B2" s="7" t="s">
        <v>2</v>
      </c>
      <c r="C2" s="7" t="s">
        <v>3</v>
      </c>
    </row>
    <row r="3" spans="1:16" x14ac:dyDescent="0.2">
      <c r="B3" s="7" t="s">
        <v>4</v>
      </c>
      <c r="C3" s="7" t="s">
        <v>5</v>
      </c>
    </row>
    <row r="4" spans="1:16" x14ac:dyDescent="0.2">
      <c r="B4" s="7" t="s">
        <v>6</v>
      </c>
      <c r="C4" s="7">
        <v>1476</v>
      </c>
    </row>
    <row r="5" spans="1:16" x14ac:dyDescent="0.2">
      <c r="B5" s="7" t="s">
        <v>7</v>
      </c>
      <c r="C5" s="7" t="s">
        <v>7</v>
      </c>
    </row>
    <row r="6" spans="1:16" x14ac:dyDescent="0.2">
      <c r="A6" s="1" t="s">
        <v>7</v>
      </c>
      <c r="B6" s="18" t="s">
        <v>33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1:16" x14ac:dyDescent="0.2">
      <c r="A7" s="1" t="s">
        <v>7</v>
      </c>
      <c r="B7" s="1" t="s">
        <v>55</v>
      </c>
      <c r="C7" s="1" t="s">
        <v>56</v>
      </c>
      <c r="D7" s="1" t="s">
        <v>57</v>
      </c>
      <c r="E7" s="1" t="s">
        <v>58</v>
      </c>
      <c r="F7" s="1" t="s">
        <v>59</v>
      </c>
      <c r="G7" s="1" t="s">
        <v>95</v>
      </c>
      <c r="H7" s="1" t="s">
        <v>60</v>
      </c>
      <c r="I7" s="1" t="s">
        <v>339</v>
      </c>
      <c r="J7" s="1" t="s">
        <v>62</v>
      </c>
      <c r="K7" s="1" t="s">
        <v>96</v>
      </c>
      <c r="L7" s="1" t="s">
        <v>97</v>
      </c>
      <c r="M7" s="1" t="s">
        <v>9</v>
      </c>
      <c r="N7" s="1" t="s">
        <v>64</v>
      </c>
      <c r="O7" s="1" t="s">
        <v>100</v>
      </c>
      <c r="P7" s="1" t="s">
        <v>7</v>
      </c>
    </row>
    <row r="8" spans="1:16" x14ac:dyDescent="0.2">
      <c r="A8" s="1" t="s">
        <v>7</v>
      </c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01</v>
      </c>
      <c r="H8" s="1" t="s">
        <v>7</v>
      </c>
      <c r="I8" s="1" t="s">
        <v>12</v>
      </c>
      <c r="J8" s="1" t="s">
        <v>12</v>
      </c>
      <c r="K8" s="1" t="s">
        <v>102</v>
      </c>
      <c r="L8" s="1" t="s">
        <v>103</v>
      </c>
      <c r="M8" s="1" t="s">
        <v>11</v>
      </c>
      <c r="N8" s="1" t="s">
        <v>12</v>
      </c>
      <c r="O8" s="1" t="s">
        <v>12</v>
      </c>
      <c r="P8" s="1" t="s">
        <v>7</v>
      </c>
    </row>
    <row r="9" spans="1:16" x14ac:dyDescent="0.2">
      <c r="A9" s="1" t="s">
        <v>7</v>
      </c>
      <c r="B9" s="1" t="s">
        <v>7</v>
      </c>
      <c r="C9" s="1" t="s">
        <v>13</v>
      </c>
      <c r="D9" s="1" t="s">
        <v>14</v>
      </c>
      <c r="E9" s="1" t="s">
        <v>66</v>
      </c>
      <c r="F9" s="1" t="s">
        <v>67</v>
      </c>
      <c r="G9" s="1" t="s">
        <v>68</v>
      </c>
      <c r="H9" s="1" t="s">
        <v>69</v>
      </c>
      <c r="I9" s="1" t="s">
        <v>70</v>
      </c>
      <c r="J9" s="1" t="s">
        <v>71</v>
      </c>
      <c r="K9" s="1" t="s">
        <v>72</v>
      </c>
      <c r="L9" s="1" t="s">
        <v>73</v>
      </c>
      <c r="M9" s="1" t="s">
        <v>104</v>
      </c>
      <c r="N9" s="1" t="s">
        <v>105</v>
      </c>
      <c r="O9" s="1" t="s">
        <v>106</v>
      </c>
      <c r="P9" s="1" t="s">
        <v>7</v>
      </c>
    </row>
    <row r="10" spans="1:16" x14ac:dyDescent="0.2">
      <c r="A10" s="8" t="s">
        <v>7</v>
      </c>
      <c r="B10" s="8" t="s">
        <v>340</v>
      </c>
      <c r="C10" s="8" t="s">
        <v>7</v>
      </c>
      <c r="D10" s="8" t="s">
        <v>7</v>
      </c>
      <c r="E10" s="8" t="s">
        <v>7</v>
      </c>
      <c r="F10" s="8" t="s">
        <v>7</v>
      </c>
      <c r="G10" s="10">
        <v>0</v>
      </c>
      <c r="H10" s="8" t="s">
        <v>7</v>
      </c>
      <c r="I10" s="9">
        <v>0</v>
      </c>
      <c r="J10" s="9">
        <v>0</v>
      </c>
      <c r="K10" s="8" t="s">
        <v>7</v>
      </c>
      <c r="L10" s="8" t="s">
        <v>7</v>
      </c>
      <c r="M10" s="10">
        <v>0</v>
      </c>
      <c r="N10" s="9">
        <v>0</v>
      </c>
      <c r="O10" s="9">
        <v>0</v>
      </c>
      <c r="P10" s="8" t="s">
        <v>7</v>
      </c>
    </row>
    <row r="11" spans="1:16" x14ac:dyDescent="0.2">
      <c r="A11" s="3" t="s">
        <v>7</v>
      </c>
      <c r="B11" s="3" t="s">
        <v>75</v>
      </c>
      <c r="C11" s="3" t="s">
        <v>7</v>
      </c>
      <c r="D11" s="3" t="s">
        <v>7</v>
      </c>
      <c r="E11" s="3" t="s">
        <v>7</v>
      </c>
      <c r="F11" s="3" t="s">
        <v>7</v>
      </c>
      <c r="G11" s="12">
        <v>0</v>
      </c>
      <c r="H11" s="3" t="s">
        <v>7</v>
      </c>
      <c r="I11" s="11">
        <v>0</v>
      </c>
      <c r="J11" s="11">
        <v>0</v>
      </c>
      <c r="K11" s="3" t="s">
        <v>7</v>
      </c>
      <c r="L11" s="3" t="s">
        <v>7</v>
      </c>
      <c r="M11" s="12">
        <v>0</v>
      </c>
      <c r="N11" s="11">
        <v>0</v>
      </c>
      <c r="O11" s="11">
        <v>0</v>
      </c>
      <c r="P11" s="3" t="s">
        <v>7</v>
      </c>
    </row>
    <row r="12" spans="1:16" x14ac:dyDescent="0.2">
      <c r="A12" s="3" t="s">
        <v>7</v>
      </c>
      <c r="B12" s="3" t="s">
        <v>341</v>
      </c>
      <c r="C12" s="3" t="s">
        <v>7</v>
      </c>
      <c r="D12" s="3" t="s">
        <v>7</v>
      </c>
      <c r="E12" s="3" t="s">
        <v>7</v>
      </c>
      <c r="F12" s="3" t="s">
        <v>7</v>
      </c>
      <c r="G12" s="12">
        <v>0</v>
      </c>
      <c r="H12" s="3" t="s">
        <v>7</v>
      </c>
      <c r="I12" s="11">
        <v>0</v>
      </c>
      <c r="J12" s="11">
        <v>0</v>
      </c>
      <c r="K12" s="3" t="s">
        <v>7</v>
      </c>
      <c r="L12" s="3" t="s">
        <v>7</v>
      </c>
      <c r="M12" s="12">
        <v>0</v>
      </c>
      <c r="N12" s="11">
        <v>0</v>
      </c>
      <c r="O12" s="11">
        <v>0</v>
      </c>
      <c r="P12" s="3" t="s">
        <v>7</v>
      </c>
    </row>
    <row r="13" spans="1:16" x14ac:dyDescent="0.2">
      <c r="A13" s="3" t="s">
        <v>7</v>
      </c>
      <c r="B13" s="3" t="s">
        <v>277</v>
      </c>
      <c r="C13" s="3" t="s">
        <v>7</v>
      </c>
      <c r="D13" s="3" t="s">
        <v>7</v>
      </c>
      <c r="E13" s="3" t="s">
        <v>7</v>
      </c>
      <c r="F13" s="3" t="s">
        <v>7</v>
      </c>
      <c r="G13" s="12">
        <v>0</v>
      </c>
      <c r="H13" s="3" t="s">
        <v>7</v>
      </c>
      <c r="I13" s="11">
        <v>0</v>
      </c>
      <c r="J13" s="11">
        <v>0</v>
      </c>
      <c r="K13" s="3" t="s">
        <v>7</v>
      </c>
      <c r="L13" s="3" t="s">
        <v>7</v>
      </c>
      <c r="M13" s="12">
        <v>0</v>
      </c>
      <c r="N13" s="11">
        <v>0</v>
      </c>
      <c r="O13" s="11">
        <v>0</v>
      </c>
      <c r="P13" s="3" t="s">
        <v>7</v>
      </c>
    </row>
    <row r="14" spans="1:16" x14ac:dyDescent="0.2">
      <c r="A14" s="3" t="s">
        <v>7</v>
      </c>
      <c r="B14" s="3" t="s">
        <v>342</v>
      </c>
      <c r="C14" s="3" t="s">
        <v>7</v>
      </c>
      <c r="D14" s="3" t="s">
        <v>7</v>
      </c>
      <c r="E14" s="3" t="s">
        <v>7</v>
      </c>
      <c r="F14" s="3" t="s">
        <v>7</v>
      </c>
      <c r="G14" s="12">
        <v>0</v>
      </c>
      <c r="H14" s="3" t="s">
        <v>7</v>
      </c>
      <c r="I14" s="11">
        <v>0</v>
      </c>
      <c r="J14" s="11">
        <v>0</v>
      </c>
      <c r="K14" s="3" t="s">
        <v>7</v>
      </c>
      <c r="L14" s="3" t="s">
        <v>7</v>
      </c>
      <c r="M14" s="12">
        <v>0</v>
      </c>
      <c r="N14" s="11">
        <v>0</v>
      </c>
      <c r="O14" s="11">
        <v>0</v>
      </c>
      <c r="P14" s="3" t="s">
        <v>7</v>
      </c>
    </row>
    <row r="15" spans="1:16" x14ac:dyDescent="0.2">
      <c r="A15" s="3" t="s">
        <v>7</v>
      </c>
      <c r="B15" s="3" t="s">
        <v>343</v>
      </c>
      <c r="C15" s="3" t="s">
        <v>7</v>
      </c>
      <c r="D15" s="3" t="s">
        <v>7</v>
      </c>
      <c r="E15" s="3" t="s">
        <v>7</v>
      </c>
      <c r="F15" s="3" t="s">
        <v>7</v>
      </c>
      <c r="G15" s="12">
        <v>0</v>
      </c>
      <c r="H15" s="3" t="s">
        <v>7</v>
      </c>
      <c r="I15" s="11">
        <v>0</v>
      </c>
      <c r="J15" s="11">
        <v>0</v>
      </c>
      <c r="K15" s="3" t="s">
        <v>7</v>
      </c>
      <c r="L15" s="3" t="s">
        <v>7</v>
      </c>
      <c r="M15" s="12">
        <v>0</v>
      </c>
      <c r="N15" s="11">
        <v>0</v>
      </c>
      <c r="O15" s="11">
        <v>0</v>
      </c>
      <c r="P15" s="3" t="s">
        <v>7</v>
      </c>
    </row>
    <row r="16" spans="1:16" x14ac:dyDescent="0.2">
      <c r="A16" s="3" t="s">
        <v>7</v>
      </c>
      <c r="B16" s="3" t="s">
        <v>235</v>
      </c>
      <c r="C16" s="3" t="s">
        <v>7</v>
      </c>
      <c r="D16" s="3" t="s">
        <v>7</v>
      </c>
      <c r="E16" s="3" t="s">
        <v>7</v>
      </c>
      <c r="F16" s="3" t="s">
        <v>7</v>
      </c>
      <c r="G16" s="12">
        <v>0</v>
      </c>
      <c r="H16" s="3" t="s">
        <v>7</v>
      </c>
      <c r="I16" s="11">
        <v>0</v>
      </c>
      <c r="J16" s="11">
        <v>0</v>
      </c>
      <c r="K16" s="3" t="s">
        <v>7</v>
      </c>
      <c r="L16" s="3" t="s">
        <v>7</v>
      </c>
      <c r="M16" s="12">
        <v>0</v>
      </c>
      <c r="N16" s="11">
        <v>0</v>
      </c>
      <c r="O16" s="11">
        <v>0</v>
      </c>
      <c r="P16" s="3" t="s">
        <v>7</v>
      </c>
    </row>
    <row r="17" spans="1:16" x14ac:dyDescent="0.2">
      <c r="A17" s="3" t="s">
        <v>7</v>
      </c>
      <c r="B17" s="3" t="s">
        <v>141</v>
      </c>
      <c r="C17" s="3" t="s">
        <v>7</v>
      </c>
      <c r="D17" s="3" t="s">
        <v>7</v>
      </c>
      <c r="E17" s="3" t="s">
        <v>7</v>
      </c>
      <c r="F17" s="3" t="s">
        <v>7</v>
      </c>
      <c r="G17" s="12">
        <v>0</v>
      </c>
      <c r="H17" s="3" t="s">
        <v>7</v>
      </c>
      <c r="I17" s="11">
        <v>0</v>
      </c>
      <c r="J17" s="11">
        <v>0</v>
      </c>
      <c r="K17" s="3" t="s">
        <v>7</v>
      </c>
      <c r="L17" s="3" t="s">
        <v>7</v>
      </c>
      <c r="M17" s="12">
        <v>0</v>
      </c>
      <c r="N17" s="11">
        <v>0</v>
      </c>
      <c r="O17" s="11">
        <v>0</v>
      </c>
      <c r="P17" s="3" t="s">
        <v>7</v>
      </c>
    </row>
    <row r="18" spans="1:16" x14ac:dyDescent="0.2">
      <c r="A18" s="8" t="s">
        <v>7</v>
      </c>
      <c r="B18" s="8" t="s">
        <v>90</v>
      </c>
      <c r="C18" s="8" t="s">
        <v>7</v>
      </c>
      <c r="D18" s="8" t="s">
        <v>7</v>
      </c>
      <c r="E18" s="8" t="s">
        <v>7</v>
      </c>
      <c r="F18" s="8" t="s">
        <v>7</v>
      </c>
      <c r="G18" s="8" t="s">
        <v>7</v>
      </c>
      <c r="H18" s="8" t="s">
        <v>7</v>
      </c>
      <c r="I18" s="8" t="s">
        <v>7</v>
      </c>
      <c r="J18" s="8" t="s">
        <v>7</v>
      </c>
      <c r="K18" s="8" t="s">
        <v>7</v>
      </c>
      <c r="L18" s="8" t="s">
        <v>7</v>
      </c>
      <c r="M18" s="8" t="s">
        <v>7</v>
      </c>
      <c r="N18" s="8" t="s">
        <v>7</v>
      </c>
      <c r="O18" s="8" t="s">
        <v>7</v>
      </c>
      <c r="P18" s="8" t="s">
        <v>7</v>
      </c>
    </row>
    <row r="19" spans="1:16" x14ac:dyDescent="0.2">
      <c r="A19" s="8" t="s">
        <v>7</v>
      </c>
      <c r="B19" s="8" t="s">
        <v>129</v>
      </c>
      <c r="C19" s="8" t="s">
        <v>7</v>
      </c>
      <c r="D19" s="8" t="s">
        <v>7</v>
      </c>
      <c r="E19" s="8" t="s">
        <v>7</v>
      </c>
      <c r="F19" s="8" t="s">
        <v>7</v>
      </c>
      <c r="G19" s="8" t="s">
        <v>7</v>
      </c>
      <c r="H19" s="8" t="s">
        <v>7</v>
      </c>
      <c r="I19" s="8" t="s">
        <v>7</v>
      </c>
      <c r="J19" s="8" t="s">
        <v>7</v>
      </c>
      <c r="K19" s="8" t="s">
        <v>7</v>
      </c>
      <c r="L19" s="8" t="s">
        <v>7</v>
      </c>
      <c r="M19" s="8" t="s">
        <v>7</v>
      </c>
      <c r="N19" s="8" t="s">
        <v>7</v>
      </c>
      <c r="O19" s="8" t="s">
        <v>7</v>
      </c>
      <c r="P19" s="8" t="s">
        <v>7</v>
      </c>
    </row>
    <row r="20" spans="1:16" x14ac:dyDescent="0.2">
      <c r="A20" s="7" t="s">
        <v>319</v>
      </c>
      <c r="B20" s="7" t="s">
        <v>53</v>
      </c>
    </row>
  </sheetData>
  <pageMargins left="0.7" right="0.7" top="0.75" bottom="0.75" header="0.3" footer="0.3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19"/>
  <sheetViews>
    <sheetView rightToLeft="1" workbookViewId="0"/>
  </sheetViews>
  <sheetFormatPr defaultRowHeight="14.25" x14ac:dyDescent="0.2"/>
  <cols>
    <col min="1" max="1" width="2" customWidth="1"/>
    <col min="2" max="2" width="34" customWidth="1"/>
    <col min="3" max="3" width="19" customWidth="1"/>
    <col min="4" max="4" width="11" customWidth="1"/>
    <col min="5" max="5" width="25" customWidth="1"/>
    <col min="6" max="6" width="10" customWidth="1"/>
    <col min="7" max="7" width="13" customWidth="1"/>
    <col min="8" max="8" width="24" customWidth="1"/>
    <col min="9" max="9" width="23" customWidth="1"/>
    <col min="10" max="10" width="12" customWidth="1"/>
    <col min="11" max="12" width="2" customWidth="1"/>
  </cols>
  <sheetData>
    <row r="1" spans="1:12" x14ac:dyDescent="0.2">
      <c r="B1" s="7" t="s">
        <v>0</v>
      </c>
      <c r="C1" s="7" t="s">
        <v>1</v>
      </c>
    </row>
    <row r="2" spans="1:12" x14ac:dyDescent="0.2">
      <c r="B2" s="7" t="s">
        <v>2</v>
      </c>
      <c r="C2" s="7" t="s">
        <v>3</v>
      </c>
    </row>
    <row r="3" spans="1:12" x14ac:dyDescent="0.2">
      <c r="B3" s="7" t="s">
        <v>4</v>
      </c>
      <c r="C3" s="7" t="s">
        <v>5</v>
      </c>
    </row>
    <row r="4" spans="1:12" x14ac:dyDescent="0.2">
      <c r="B4" s="7" t="s">
        <v>6</v>
      </c>
      <c r="C4" s="7">
        <v>1476</v>
      </c>
    </row>
    <row r="5" spans="1:12" x14ac:dyDescent="0.2">
      <c r="B5" s="7" t="s">
        <v>7</v>
      </c>
      <c r="C5" s="7" t="s">
        <v>7</v>
      </c>
    </row>
    <row r="6" spans="1:12" x14ac:dyDescent="0.2">
      <c r="A6" s="1" t="s">
        <v>7</v>
      </c>
      <c r="B6" s="1" t="s">
        <v>344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1:12" x14ac:dyDescent="0.2">
      <c r="A7" s="1" t="s">
        <v>7</v>
      </c>
      <c r="B7" s="1" t="s">
        <v>55</v>
      </c>
      <c r="C7" s="1" t="s">
        <v>345</v>
      </c>
      <c r="D7" s="1" t="s">
        <v>346</v>
      </c>
      <c r="E7" s="1" t="s">
        <v>347</v>
      </c>
      <c r="F7" s="1" t="s">
        <v>60</v>
      </c>
      <c r="G7" s="1" t="s">
        <v>348</v>
      </c>
      <c r="H7" s="1" t="s">
        <v>64</v>
      </c>
      <c r="I7" s="1" t="s">
        <v>100</v>
      </c>
      <c r="J7" s="1" t="s">
        <v>349</v>
      </c>
      <c r="K7" s="1" t="s">
        <v>7</v>
      </c>
      <c r="L7" s="1" t="s">
        <v>7</v>
      </c>
    </row>
    <row r="8" spans="1:12" x14ac:dyDescent="0.2">
      <c r="A8" s="1" t="s">
        <v>7</v>
      </c>
      <c r="B8" s="1" t="s">
        <v>7</v>
      </c>
      <c r="C8" s="1" t="s">
        <v>143</v>
      </c>
      <c r="D8" s="1" t="s">
        <v>7</v>
      </c>
      <c r="E8" s="1" t="s">
        <v>12</v>
      </c>
      <c r="F8" s="1" t="s">
        <v>7</v>
      </c>
      <c r="G8" s="1" t="s">
        <v>11</v>
      </c>
      <c r="H8" s="1" t="s">
        <v>12</v>
      </c>
      <c r="I8" s="1" t="s">
        <v>12</v>
      </c>
      <c r="J8" s="1" t="s">
        <v>7</v>
      </c>
      <c r="K8" s="1" t="s">
        <v>7</v>
      </c>
      <c r="L8" s="1" t="s">
        <v>7</v>
      </c>
    </row>
    <row r="9" spans="1:12" x14ac:dyDescent="0.2">
      <c r="A9" s="1" t="s">
        <v>7</v>
      </c>
      <c r="B9" s="1" t="s">
        <v>7</v>
      </c>
      <c r="C9" s="1" t="s">
        <v>13</v>
      </c>
      <c r="D9" s="1" t="s">
        <v>14</v>
      </c>
      <c r="E9" s="1" t="s">
        <v>66</v>
      </c>
      <c r="F9" s="1" t="s">
        <v>67</v>
      </c>
      <c r="G9" s="1" t="s">
        <v>68</v>
      </c>
      <c r="H9" s="1" t="s">
        <v>69</v>
      </c>
      <c r="I9" s="1" t="s">
        <v>70</v>
      </c>
      <c r="J9" s="1" t="s">
        <v>71</v>
      </c>
      <c r="K9" s="1" t="s">
        <v>7</v>
      </c>
      <c r="L9" s="1" t="s">
        <v>7</v>
      </c>
    </row>
    <row r="10" spans="1:12" x14ac:dyDescent="0.2">
      <c r="A10" s="8" t="s">
        <v>7</v>
      </c>
      <c r="B10" s="8" t="s">
        <v>350</v>
      </c>
      <c r="C10" s="8" t="s">
        <v>7</v>
      </c>
      <c r="D10" s="8" t="s">
        <v>7</v>
      </c>
      <c r="E10" s="9">
        <v>0</v>
      </c>
      <c r="F10" s="8" t="s">
        <v>7</v>
      </c>
      <c r="G10" s="10">
        <v>0</v>
      </c>
      <c r="H10" s="9">
        <v>0</v>
      </c>
      <c r="I10" s="9">
        <v>0</v>
      </c>
      <c r="J10" s="8" t="s">
        <v>7</v>
      </c>
      <c r="K10" s="8" t="s">
        <v>7</v>
      </c>
      <c r="L10" s="8" t="s">
        <v>7</v>
      </c>
    </row>
    <row r="11" spans="1:12" x14ac:dyDescent="0.2">
      <c r="A11" s="3" t="s">
        <v>7</v>
      </c>
      <c r="B11" s="3" t="s">
        <v>351</v>
      </c>
      <c r="C11" s="3" t="s">
        <v>7</v>
      </c>
      <c r="D11" s="3" t="s">
        <v>7</v>
      </c>
      <c r="E11" s="11">
        <v>0</v>
      </c>
      <c r="F11" s="3" t="s">
        <v>7</v>
      </c>
      <c r="G11" s="12">
        <v>0</v>
      </c>
      <c r="H11" s="11">
        <v>0</v>
      </c>
      <c r="I11" s="11">
        <v>0</v>
      </c>
      <c r="J11" s="3" t="s">
        <v>7</v>
      </c>
      <c r="K11" s="3" t="s">
        <v>7</v>
      </c>
      <c r="L11" s="3" t="s">
        <v>7</v>
      </c>
    </row>
    <row r="12" spans="1:12" x14ac:dyDescent="0.2">
      <c r="A12" s="3" t="s">
        <v>7</v>
      </c>
      <c r="B12" s="3" t="s">
        <v>352</v>
      </c>
      <c r="C12" s="3" t="s">
        <v>7</v>
      </c>
      <c r="D12" s="3" t="s">
        <v>7</v>
      </c>
      <c r="E12" s="11">
        <v>0</v>
      </c>
      <c r="F12" s="3" t="s">
        <v>7</v>
      </c>
      <c r="G12" s="12">
        <v>0</v>
      </c>
      <c r="H12" s="11">
        <v>0</v>
      </c>
      <c r="I12" s="11">
        <v>0</v>
      </c>
      <c r="J12" s="3" t="s">
        <v>7</v>
      </c>
      <c r="K12" s="3" t="s">
        <v>7</v>
      </c>
      <c r="L12" s="3" t="s">
        <v>7</v>
      </c>
    </row>
    <row r="13" spans="1:12" x14ac:dyDescent="0.2">
      <c r="A13" s="3" t="s">
        <v>7</v>
      </c>
      <c r="B13" s="3" t="s">
        <v>353</v>
      </c>
      <c r="C13" s="3" t="s">
        <v>7</v>
      </c>
      <c r="D13" s="3" t="s">
        <v>7</v>
      </c>
      <c r="E13" s="11">
        <v>0</v>
      </c>
      <c r="F13" s="3" t="s">
        <v>7</v>
      </c>
      <c r="G13" s="12">
        <v>0</v>
      </c>
      <c r="H13" s="11">
        <v>0</v>
      </c>
      <c r="I13" s="11">
        <v>0</v>
      </c>
      <c r="J13" s="3" t="s">
        <v>7</v>
      </c>
      <c r="K13" s="3" t="s">
        <v>7</v>
      </c>
      <c r="L13" s="3" t="s">
        <v>7</v>
      </c>
    </row>
    <row r="14" spans="1:12" x14ac:dyDescent="0.2">
      <c r="A14" s="3" t="s">
        <v>7</v>
      </c>
      <c r="B14" s="3" t="s">
        <v>354</v>
      </c>
      <c r="C14" s="3" t="s">
        <v>7</v>
      </c>
      <c r="D14" s="3" t="s">
        <v>7</v>
      </c>
      <c r="E14" s="11">
        <v>0</v>
      </c>
      <c r="F14" s="3" t="s">
        <v>7</v>
      </c>
      <c r="G14" s="12">
        <v>0</v>
      </c>
      <c r="H14" s="11">
        <v>0</v>
      </c>
      <c r="I14" s="11">
        <v>0</v>
      </c>
      <c r="J14" s="3" t="s">
        <v>7</v>
      </c>
      <c r="K14" s="3" t="s">
        <v>7</v>
      </c>
      <c r="L14" s="3" t="s">
        <v>7</v>
      </c>
    </row>
    <row r="15" spans="1:12" x14ac:dyDescent="0.2">
      <c r="A15" s="3" t="s">
        <v>7</v>
      </c>
      <c r="B15" s="3" t="s">
        <v>352</v>
      </c>
      <c r="C15" s="3" t="s">
        <v>7</v>
      </c>
      <c r="D15" s="3" t="s">
        <v>7</v>
      </c>
      <c r="E15" s="11">
        <v>0</v>
      </c>
      <c r="F15" s="3" t="s">
        <v>7</v>
      </c>
      <c r="G15" s="12">
        <v>0</v>
      </c>
      <c r="H15" s="11">
        <v>0</v>
      </c>
      <c r="I15" s="11">
        <v>0</v>
      </c>
      <c r="J15" s="3" t="s">
        <v>7</v>
      </c>
      <c r="K15" s="3" t="s">
        <v>7</v>
      </c>
      <c r="L15" s="3" t="s">
        <v>7</v>
      </c>
    </row>
    <row r="16" spans="1:12" x14ac:dyDescent="0.2">
      <c r="A16" s="3" t="s">
        <v>7</v>
      </c>
      <c r="B16" s="3" t="s">
        <v>353</v>
      </c>
      <c r="C16" s="3" t="s">
        <v>7</v>
      </c>
      <c r="D16" s="3" t="s">
        <v>7</v>
      </c>
      <c r="E16" s="11">
        <v>0</v>
      </c>
      <c r="F16" s="3" t="s">
        <v>7</v>
      </c>
      <c r="G16" s="12">
        <v>0</v>
      </c>
      <c r="H16" s="11">
        <v>0</v>
      </c>
      <c r="I16" s="11">
        <v>0</v>
      </c>
      <c r="J16" s="3" t="s">
        <v>7</v>
      </c>
      <c r="K16" s="3" t="s">
        <v>7</v>
      </c>
      <c r="L16" s="3" t="s">
        <v>7</v>
      </c>
    </row>
    <row r="17" spans="1:12" x14ac:dyDescent="0.2">
      <c r="A17" s="8" t="s">
        <v>7</v>
      </c>
      <c r="B17" s="8" t="s">
        <v>90</v>
      </c>
      <c r="C17" s="8" t="s">
        <v>7</v>
      </c>
      <c r="D17" s="8" t="s">
        <v>7</v>
      </c>
      <c r="E17" s="8" t="s">
        <v>7</v>
      </c>
      <c r="F17" s="8" t="s">
        <v>7</v>
      </c>
      <c r="G17" s="8" t="s">
        <v>7</v>
      </c>
      <c r="H17" s="8" t="s">
        <v>7</v>
      </c>
      <c r="I17" s="8" t="s">
        <v>7</v>
      </c>
      <c r="J17" s="8" t="s">
        <v>7</v>
      </c>
      <c r="K17" s="8" t="s">
        <v>7</v>
      </c>
      <c r="L17" s="8" t="s">
        <v>7</v>
      </c>
    </row>
    <row r="18" spans="1:12" x14ac:dyDescent="0.2">
      <c r="A18" s="8" t="s">
        <v>7</v>
      </c>
      <c r="B18" s="8" t="s">
        <v>129</v>
      </c>
      <c r="C18" s="8" t="s">
        <v>7</v>
      </c>
      <c r="D18" s="8" t="s">
        <v>7</v>
      </c>
      <c r="E18" s="8" t="s">
        <v>7</v>
      </c>
      <c r="F18" s="8" t="s">
        <v>7</v>
      </c>
      <c r="G18" s="8" t="s">
        <v>7</v>
      </c>
      <c r="H18" s="8" t="s">
        <v>7</v>
      </c>
      <c r="I18" s="8" t="s">
        <v>7</v>
      </c>
      <c r="J18" s="8" t="s">
        <v>7</v>
      </c>
      <c r="K18" s="8" t="s">
        <v>7</v>
      </c>
      <c r="L18" s="8" t="s">
        <v>7</v>
      </c>
    </row>
    <row r="19" spans="1:12" x14ac:dyDescent="0.2">
      <c r="A19" s="7" t="s">
        <v>319</v>
      </c>
      <c r="B19" s="7" t="s">
        <v>53</v>
      </c>
    </row>
  </sheetData>
  <pageMargins left="0.7" right="0.7" top="0.75" bottom="0.75" header="0.3" footer="0.3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5"/>
  <sheetViews>
    <sheetView rightToLeft="1" workbookViewId="0"/>
  </sheetViews>
  <sheetFormatPr defaultRowHeight="14.25" x14ac:dyDescent="0.2"/>
  <cols>
    <col min="1" max="1" width="2" customWidth="1"/>
    <col min="2" max="2" width="34" customWidth="1"/>
    <col min="3" max="3" width="12" customWidth="1"/>
    <col min="4" max="4" width="7" customWidth="1"/>
    <col min="5" max="5" width="10" customWidth="1"/>
    <col min="6" max="6" width="14" customWidth="1"/>
    <col min="7" max="7" width="10" customWidth="1"/>
    <col min="8" max="8" width="14" customWidth="1"/>
    <col min="9" max="9" width="11" customWidth="1"/>
    <col min="10" max="10" width="24" customWidth="1"/>
    <col min="11" max="11" width="23" customWidth="1"/>
  </cols>
  <sheetData>
    <row r="1" spans="1:11" x14ac:dyDescent="0.2">
      <c r="B1" s="7" t="s">
        <v>0</v>
      </c>
      <c r="C1" s="7" t="s">
        <v>1</v>
      </c>
    </row>
    <row r="2" spans="1:11" x14ac:dyDescent="0.2">
      <c r="B2" s="7" t="s">
        <v>2</v>
      </c>
      <c r="C2" s="7" t="s">
        <v>3</v>
      </c>
    </row>
    <row r="3" spans="1:11" x14ac:dyDescent="0.2">
      <c r="B3" s="7" t="s">
        <v>4</v>
      </c>
      <c r="C3" s="7" t="s">
        <v>5</v>
      </c>
    </row>
    <row r="4" spans="1:11" x14ac:dyDescent="0.2">
      <c r="B4" s="7" t="s">
        <v>6</v>
      </c>
      <c r="C4" s="7">
        <v>1476</v>
      </c>
    </row>
    <row r="5" spans="1:11" x14ac:dyDescent="0.2">
      <c r="B5" s="7" t="s">
        <v>7</v>
      </c>
      <c r="C5" s="7" t="s">
        <v>7</v>
      </c>
    </row>
    <row r="6" spans="1:11" x14ac:dyDescent="0.2">
      <c r="A6" s="1" t="s">
        <v>7</v>
      </c>
      <c r="B6" s="1" t="s">
        <v>35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</row>
    <row r="7" spans="1:11" x14ac:dyDescent="0.2">
      <c r="A7" s="1" t="s">
        <v>7</v>
      </c>
      <c r="B7" s="1" t="s">
        <v>55</v>
      </c>
      <c r="C7" s="1" t="s">
        <v>57</v>
      </c>
      <c r="D7" s="1" t="s">
        <v>58</v>
      </c>
      <c r="E7" s="1" t="s">
        <v>356</v>
      </c>
      <c r="F7" s="1" t="s">
        <v>357</v>
      </c>
      <c r="G7" s="1" t="s">
        <v>60</v>
      </c>
      <c r="H7" s="1" t="s">
        <v>358</v>
      </c>
      <c r="I7" s="1" t="s">
        <v>9</v>
      </c>
      <c r="J7" s="1" t="s">
        <v>64</v>
      </c>
      <c r="K7" s="1" t="s">
        <v>100</v>
      </c>
    </row>
    <row r="8" spans="1:11" x14ac:dyDescent="0.2">
      <c r="A8" s="1" t="s">
        <v>7</v>
      </c>
      <c r="B8" s="1" t="s">
        <v>7</v>
      </c>
      <c r="C8" s="1" t="s">
        <v>7</v>
      </c>
      <c r="D8" s="1" t="s">
        <v>7</v>
      </c>
      <c r="E8" s="1" t="s">
        <v>7</v>
      </c>
      <c r="F8" s="1" t="s">
        <v>12</v>
      </c>
      <c r="G8" s="1" t="s">
        <v>7</v>
      </c>
      <c r="H8" s="1" t="s">
        <v>12</v>
      </c>
      <c r="I8" s="1" t="s">
        <v>11</v>
      </c>
      <c r="J8" s="1" t="s">
        <v>12</v>
      </c>
      <c r="K8" s="1" t="s">
        <v>12</v>
      </c>
    </row>
    <row r="9" spans="1:11" x14ac:dyDescent="0.2">
      <c r="A9" s="1" t="s">
        <v>7</v>
      </c>
      <c r="B9" s="1" t="s">
        <v>7</v>
      </c>
      <c r="C9" s="1" t="s">
        <v>13</v>
      </c>
      <c r="D9" s="1" t="s">
        <v>14</v>
      </c>
      <c r="E9" s="1" t="s">
        <v>66</v>
      </c>
      <c r="F9" s="1" t="s">
        <v>67</v>
      </c>
      <c r="G9" s="1" t="s">
        <v>68</v>
      </c>
      <c r="H9" s="1" t="s">
        <v>69</v>
      </c>
      <c r="I9" s="1" t="s">
        <v>70</v>
      </c>
      <c r="J9" s="1" t="s">
        <v>71</v>
      </c>
      <c r="K9" s="1" t="s">
        <v>72</v>
      </c>
    </row>
    <row r="10" spans="1:11" x14ac:dyDescent="0.2">
      <c r="A10" s="8" t="s">
        <v>7</v>
      </c>
      <c r="B10" s="8" t="s">
        <v>359</v>
      </c>
      <c r="C10" s="8" t="s">
        <v>7</v>
      </c>
      <c r="D10" s="8" t="s">
        <v>7</v>
      </c>
      <c r="E10" s="8" t="s">
        <v>7</v>
      </c>
      <c r="F10" s="9">
        <v>0</v>
      </c>
      <c r="G10" s="8" t="s">
        <v>7</v>
      </c>
      <c r="H10" s="9">
        <v>0</v>
      </c>
      <c r="I10" s="10">
        <v>0</v>
      </c>
      <c r="J10" s="9">
        <v>0</v>
      </c>
      <c r="K10" s="9">
        <v>0</v>
      </c>
    </row>
    <row r="11" spans="1:11" x14ac:dyDescent="0.2">
      <c r="A11" s="3" t="s">
        <v>7</v>
      </c>
      <c r="B11" s="3" t="s">
        <v>75</v>
      </c>
      <c r="C11" s="3" t="s">
        <v>7</v>
      </c>
      <c r="D11" s="3" t="s">
        <v>7</v>
      </c>
      <c r="E11" s="3" t="s">
        <v>7</v>
      </c>
      <c r="F11" s="11">
        <v>0</v>
      </c>
      <c r="G11" s="3" t="s">
        <v>7</v>
      </c>
      <c r="H11" s="11">
        <v>0</v>
      </c>
      <c r="I11" s="12">
        <v>0</v>
      </c>
      <c r="J11" s="11">
        <v>0</v>
      </c>
      <c r="K11" s="11">
        <v>0</v>
      </c>
    </row>
    <row r="12" spans="1:11" x14ac:dyDescent="0.2">
      <c r="A12" s="3" t="s">
        <v>7</v>
      </c>
      <c r="B12" s="3" t="s">
        <v>88</v>
      </c>
      <c r="C12" s="3" t="s">
        <v>7</v>
      </c>
      <c r="D12" s="3" t="s">
        <v>7</v>
      </c>
      <c r="E12" s="3" t="s">
        <v>7</v>
      </c>
      <c r="F12" s="11">
        <v>0</v>
      </c>
      <c r="G12" s="3" t="s">
        <v>7</v>
      </c>
      <c r="H12" s="11">
        <v>0</v>
      </c>
      <c r="I12" s="12">
        <v>0</v>
      </c>
      <c r="J12" s="11">
        <v>0</v>
      </c>
      <c r="K12" s="11">
        <v>0</v>
      </c>
    </row>
    <row r="13" spans="1:11" x14ac:dyDescent="0.2">
      <c r="A13" s="8" t="s">
        <v>7</v>
      </c>
      <c r="B13" s="8" t="s">
        <v>90</v>
      </c>
      <c r="C13" s="8" t="s">
        <v>7</v>
      </c>
      <c r="D13" s="8" t="s">
        <v>7</v>
      </c>
      <c r="E13" s="8" t="s">
        <v>7</v>
      </c>
      <c r="F13" s="8" t="s">
        <v>7</v>
      </c>
      <c r="G13" s="8" t="s">
        <v>7</v>
      </c>
      <c r="H13" s="8" t="s">
        <v>7</v>
      </c>
      <c r="I13" s="8" t="s">
        <v>7</v>
      </c>
      <c r="J13" s="8" t="s">
        <v>7</v>
      </c>
      <c r="K13" s="8" t="s">
        <v>7</v>
      </c>
    </row>
    <row r="14" spans="1:11" x14ac:dyDescent="0.2">
      <c r="A14" s="8" t="s">
        <v>7</v>
      </c>
      <c r="B14" s="8" t="s">
        <v>129</v>
      </c>
      <c r="C14" s="8" t="s">
        <v>7</v>
      </c>
      <c r="D14" s="8" t="s">
        <v>7</v>
      </c>
      <c r="E14" s="8" t="s">
        <v>7</v>
      </c>
      <c r="F14" s="8" t="s">
        <v>7</v>
      </c>
      <c r="G14" s="8" t="s">
        <v>7</v>
      </c>
      <c r="H14" s="8" t="s">
        <v>7</v>
      </c>
      <c r="I14" s="8" t="s">
        <v>7</v>
      </c>
      <c r="J14" s="8" t="s">
        <v>7</v>
      </c>
      <c r="K14" s="8" t="s">
        <v>7</v>
      </c>
    </row>
    <row r="15" spans="1:11" x14ac:dyDescent="0.2">
      <c r="A15" s="7" t="s">
        <v>319</v>
      </c>
      <c r="B15" s="7" t="s">
        <v>53</v>
      </c>
    </row>
  </sheetData>
  <pageMargins left="0.7" right="0.7" top="0.75" bottom="0.75" header="0.3" footer="0.3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5"/>
  <sheetViews>
    <sheetView rightToLeft="1" workbookViewId="0"/>
  </sheetViews>
  <sheetFormatPr defaultRowHeight="14.25" x14ac:dyDescent="0.2"/>
  <cols>
    <col min="1" max="1" width="2" customWidth="1"/>
    <col min="2" max="2" width="34" customWidth="1"/>
    <col min="3" max="3" width="11" customWidth="1"/>
    <col min="4" max="4" width="7" customWidth="1"/>
    <col min="5" max="5" width="10" customWidth="1"/>
    <col min="6" max="6" width="14" customWidth="1"/>
    <col min="7" max="7" width="10" customWidth="1"/>
    <col min="8" max="8" width="14" customWidth="1"/>
    <col min="9" max="9" width="11" customWidth="1"/>
    <col min="10" max="10" width="24" customWidth="1"/>
    <col min="11" max="11" width="23" customWidth="1"/>
  </cols>
  <sheetData>
    <row r="1" spans="1:11" x14ac:dyDescent="0.2">
      <c r="B1" s="7" t="s">
        <v>0</v>
      </c>
      <c r="C1" s="7" t="s">
        <v>1</v>
      </c>
    </row>
    <row r="2" spans="1:11" x14ac:dyDescent="0.2">
      <c r="B2" s="7" t="s">
        <v>2</v>
      </c>
      <c r="C2" s="7" t="s">
        <v>3</v>
      </c>
    </row>
    <row r="3" spans="1:11" x14ac:dyDescent="0.2">
      <c r="B3" s="7" t="s">
        <v>4</v>
      </c>
      <c r="C3" s="7" t="s">
        <v>5</v>
      </c>
    </row>
    <row r="4" spans="1:11" x14ac:dyDescent="0.2">
      <c r="B4" s="7" t="s">
        <v>6</v>
      </c>
      <c r="C4" s="7">
        <v>1476</v>
      </c>
    </row>
    <row r="5" spans="1:11" x14ac:dyDescent="0.2">
      <c r="B5" s="7" t="s">
        <v>7</v>
      </c>
      <c r="C5" s="7" t="s">
        <v>7</v>
      </c>
    </row>
    <row r="6" spans="1:11" x14ac:dyDescent="0.2">
      <c r="A6" s="1" t="s">
        <v>7</v>
      </c>
      <c r="B6" s="1" t="s">
        <v>7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</row>
    <row r="7" spans="1:11" x14ac:dyDescent="0.2">
      <c r="A7" s="1" t="s">
        <v>7</v>
      </c>
      <c r="B7" s="1" t="s">
        <v>55</v>
      </c>
      <c r="C7" s="1" t="s">
        <v>56</v>
      </c>
      <c r="D7" s="1" t="s">
        <v>58</v>
      </c>
      <c r="E7" s="1" t="s">
        <v>356</v>
      </c>
      <c r="F7" s="1" t="s">
        <v>357</v>
      </c>
      <c r="G7" s="1" t="s">
        <v>60</v>
      </c>
      <c r="H7" s="1" t="s">
        <v>358</v>
      </c>
      <c r="I7" s="1" t="s">
        <v>9</v>
      </c>
      <c r="J7" s="1" t="s">
        <v>64</v>
      </c>
      <c r="K7" s="1" t="s">
        <v>100</v>
      </c>
    </row>
    <row r="8" spans="1:11" x14ac:dyDescent="0.2">
      <c r="A8" s="1" t="s">
        <v>7</v>
      </c>
      <c r="B8" s="1" t="s">
        <v>7</v>
      </c>
      <c r="C8" s="1" t="s">
        <v>7</v>
      </c>
      <c r="D8" s="1" t="s">
        <v>7</v>
      </c>
      <c r="E8" s="1" t="s">
        <v>7</v>
      </c>
      <c r="F8" s="1" t="s">
        <v>12</v>
      </c>
      <c r="G8" s="1" t="s">
        <v>7</v>
      </c>
      <c r="H8" s="1" t="s">
        <v>12</v>
      </c>
      <c r="I8" s="1" t="s">
        <v>11</v>
      </c>
      <c r="J8" s="1" t="s">
        <v>12</v>
      </c>
      <c r="K8" s="1" t="s">
        <v>12</v>
      </c>
    </row>
    <row r="9" spans="1:11" x14ac:dyDescent="0.2">
      <c r="A9" s="1" t="s">
        <v>7</v>
      </c>
      <c r="B9" s="1" t="s">
        <v>7</v>
      </c>
      <c r="C9" s="1" t="s">
        <v>13</v>
      </c>
      <c r="D9" s="1" t="s">
        <v>14</v>
      </c>
      <c r="E9" s="1" t="s">
        <v>66</v>
      </c>
      <c r="F9" s="1" t="s">
        <v>67</v>
      </c>
      <c r="G9" s="1" t="s">
        <v>68</v>
      </c>
      <c r="H9" s="1" t="s">
        <v>69</v>
      </c>
      <c r="I9" s="1" t="s">
        <v>70</v>
      </c>
      <c r="J9" s="1" t="s">
        <v>71</v>
      </c>
      <c r="K9" s="1" t="s">
        <v>72</v>
      </c>
    </row>
    <row r="10" spans="1:11" x14ac:dyDescent="0.2">
      <c r="A10" s="8" t="s">
        <v>7</v>
      </c>
      <c r="B10" s="8" t="s">
        <v>360</v>
      </c>
      <c r="C10" s="8" t="s">
        <v>7</v>
      </c>
      <c r="D10" s="8" t="s">
        <v>7</v>
      </c>
      <c r="E10" s="8" t="s">
        <v>7</v>
      </c>
      <c r="F10" s="8" t="s">
        <v>7</v>
      </c>
      <c r="G10" s="8" t="s">
        <v>7</v>
      </c>
      <c r="H10" s="8" t="s">
        <v>7</v>
      </c>
      <c r="I10" s="10">
        <v>0</v>
      </c>
      <c r="J10" s="9">
        <v>0</v>
      </c>
      <c r="K10" s="9">
        <v>0</v>
      </c>
    </row>
    <row r="11" spans="1:11" x14ac:dyDescent="0.2">
      <c r="A11" s="3" t="s">
        <v>7</v>
      </c>
      <c r="B11" s="3" t="s">
        <v>75</v>
      </c>
      <c r="C11" s="3" t="s">
        <v>7</v>
      </c>
      <c r="D11" s="3" t="s">
        <v>7</v>
      </c>
      <c r="E11" s="3" t="s">
        <v>7</v>
      </c>
      <c r="F11" s="3" t="s">
        <v>7</v>
      </c>
      <c r="G11" s="3" t="s">
        <v>7</v>
      </c>
      <c r="H11" s="3" t="s">
        <v>7</v>
      </c>
      <c r="I11" s="12">
        <v>0</v>
      </c>
      <c r="J11" s="11">
        <v>0</v>
      </c>
      <c r="K11" s="11">
        <v>0</v>
      </c>
    </row>
    <row r="12" spans="1:11" x14ac:dyDescent="0.2">
      <c r="A12" s="3" t="s">
        <v>7</v>
      </c>
      <c r="B12" s="3" t="s">
        <v>88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12">
        <v>0</v>
      </c>
      <c r="J12" s="11">
        <v>0</v>
      </c>
      <c r="K12" s="11">
        <v>0</v>
      </c>
    </row>
    <row r="13" spans="1:11" x14ac:dyDescent="0.2">
      <c r="A13" s="8" t="s">
        <v>7</v>
      </c>
      <c r="B13" s="8" t="s">
        <v>90</v>
      </c>
      <c r="C13" s="8" t="s">
        <v>7</v>
      </c>
      <c r="D13" s="8" t="s">
        <v>7</v>
      </c>
      <c r="E13" s="8" t="s">
        <v>7</v>
      </c>
      <c r="F13" s="8" t="s">
        <v>7</v>
      </c>
      <c r="G13" s="8" t="s">
        <v>7</v>
      </c>
      <c r="H13" s="8" t="s">
        <v>7</v>
      </c>
      <c r="I13" s="8" t="s">
        <v>7</v>
      </c>
      <c r="J13" s="8" t="s">
        <v>7</v>
      </c>
      <c r="K13" s="8" t="s">
        <v>7</v>
      </c>
    </row>
    <row r="14" spans="1:11" x14ac:dyDescent="0.2">
      <c r="A14" s="8" t="s">
        <v>7</v>
      </c>
      <c r="B14" s="8" t="s">
        <v>129</v>
      </c>
      <c r="C14" s="8" t="s">
        <v>7</v>
      </c>
      <c r="D14" s="8" t="s">
        <v>7</v>
      </c>
      <c r="E14" s="8" t="s">
        <v>7</v>
      </c>
      <c r="F14" s="8" t="s">
        <v>7</v>
      </c>
      <c r="G14" s="8" t="s">
        <v>7</v>
      </c>
      <c r="H14" s="8" t="s">
        <v>7</v>
      </c>
      <c r="I14" s="8" t="s">
        <v>7</v>
      </c>
      <c r="J14" s="8" t="s">
        <v>7</v>
      </c>
      <c r="K14" s="8" t="s">
        <v>7</v>
      </c>
    </row>
    <row r="15" spans="1:11" x14ac:dyDescent="0.2">
      <c r="A15" s="7" t="s">
        <v>319</v>
      </c>
      <c r="B15" s="7" t="s">
        <v>53</v>
      </c>
    </row>
  </sheetData>
  <pageMargins left="0.7" right="0.7" top="0.75" bottom="0.75" header="0.3" footer="0.3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14"/>
  <sheetViews>
    <sheetView rightToLeft="1" workbookViewId="0"/>
  </sheetViews>
  <sheetFormatPr defaultRowHeight="14.25" x14ac:dyDescent="0.2"/>
  <cols>
    <col min="1" max="1" width="2" customWidth="1"/>
    <col min="2" max="2" width="29" customWidth="1"/>
    <col min="3" max="3" width="16" customWidth="1"/>
    <col min="4" max="4" width="22" customWidth="1"/>
  </cols>
  <sheetData>
    <row r="1" spans="1:4" x14ac:dyDescent="0.2">
      <c r="B1" s="7" t="s">
        <v>0</v>
      </c>
      <c r="C1" s="7" t="s">
        <v>1</v>
      </c>
    </row>
    <row r="2" spans="1:4" x14ac:dyDescent="0.2">
      <c r="B2" s="7" t="s">
        <v>2</v>
      </c>
      <c r="C2" s="7" t="s">
        <v>3</v>
      </c>
    </row>
    <row r="3" spans="1:4" x14ac:dyDescent="0.2">
      <c r="B3" s="7" t="s">
        <v>4</v>
      </c>
      <c r="C3" s="7" t="s">
        <v>5</v>
      </c>
    </row>
    <row r="4" spans="1:4" x14ac:dyDescent="0.2">
      <c r="B4" s="7" t="s">
        <v>6</v>
      </c>
      <c r="C4" s="7">
        <v>1476</v>
      </c>
    </row>
    <row r="5" spans="1:4" x14ac:dyDescent="0.2">
      <c r="B5" s="7" t="s">
        <v>7</v>
      </c>
      <c r="C5" s="7" t="s">
        <v>7</v>
      </c>
    </row>
    <row r="6" spans="1:4" x14ac:dyDescent="0.2">
      <c r="A6" s="1" t="s">
        <v>7</v>
      </c>
      <c r="B6" s="1" t="s">
        <v>361</v>
      </c>
      <c r="C6" s="1" t="s">
        <v>7</v>
      </c>
      <c r="D6" s="1" t="s">
        <v>7</v>
      </c>
    </row>
    <row r="7" spans="1:4" x14ac:dyDescent="0.2">
      <c r="A7" s="1" t="s">
        <v>7</v>
      </c>
      <c r="B7" s="1" t="s">
        <v>55</v>
      </c>
      <c r="C7" s="1" t="s">
        <v>362</v>
      </c>
      <c r="D7" s="1" t="s">
        <v>363</v>
      </c>
    </row>
    <row r="8" spans="1:4" x14ac:dyDescent="0.2">
      <c r="A8" s="1" t="s">
        <v>7</v>
      </c>
      <c r="B8" s="1" t="s">
        <v>7</v>
      </c>
      <c r="C8" s="1" t="s">
        <v>11</v>
      </c>
      <c r="D8" s="1" t="s">
        <v>143</v>
      </c>
    </row>
    <row r="9" spans="1:4" x14ac:dyDescent="0.2">
      <c r="A9" s="1" t="s">
        <v>7</v>
      </c>
      <c r="B9" s="1" t="s">
        <v>7</v>
      </c>
      <c r="C9" s="1" t="s">
        <v>13</v>
      </c>
      <c r="D9" s="1" t="s">
        <v>14</v>
      </c>
    </row>
    <row r="10" spans="1:4" x14ac:dyDescent="0.2">
      <c r="A10" s="8" t="s">
        <v>7</v>
      </c>
      <c r="B10" s="8" t="s">
        <v>364</v>
      </c>
      <c r="C10" s="10">
        <v>0</v>
      </c>
      <c r="D10" s="8" t="s">
        <v>7</v>
      </c>
    </row>
    <row r="11" spans="1:4" x14ac:dyDescent="0.2">
      <c r="A11" s="3" t="s">
        <v>7</v>
      </c>
      <c r="B11" s="3" t="s">
        <v>75</v>
      </c>
      <c r="C11" s="12">
        <v>0</v>
      </c>
      <c r="D11" s="3" t="s">
        <v>7</v>
      </c>
    </row>
    <row r="12" spans="1:4" x14ac:dyDescent="0.2">
      <c r="A12" s="3" t="s">
        <v>7</v>
      </c>
      <c r="B12" s="3" t="s">
        <v>88</v>
      </c>
      <c r="C12" s="12">
        <v>0</v>
      </c>
      <c r="D12" s="3" t="s">
        <v>7</v>
      </c>
    </row>
    <row r="13" spans="1:4" x14ac:dyDescent="0.2">
      <c r="A13" s="8" t="s">
        <v>7</v>
      </c>
      <c r="B13" s="8" t="s">
        <v>365</v>
      </c>
      <c r="C13" s="8" t="s">
        <v>7</v>
      </c>
      <c r="D13" s="8" t="s">
        <v>7</v>
      </c>
    </row>
    <row r="14" spans="1:4" x14ac:dyDescent="0.2">
      <c r="A14" s="7" t="s">
        <v>319</v>
      </c>
      <c r="B14" s="7" t="s">
        <v>53</v>
      </c>
    </row>
  </sheetData>
  <pageMargins left="0.7" right="0.7" top="0.75" bottom="0.75" header="0.3" footer="0.3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9"/>
  <sheetViews>
    <sheetView rightToLeft="1" topLeftCell="A4" workbookViewId="0"/>
  </sheetViews>
  <sheetFormatPr defaultRowHeight="14.25" x14ac:dyDescent="0.2"/>
  <cols>
    <col min="1" max="1" width="2" customWidth="1"/>
    <col min="2" max="2" width="27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1:17" x14ac:dyDescent="0.2">
      <c r="B1" s="7" t="s">
        <v>0</v>
      </c>
      <c r="C1" s="7" t="s">
        <v>1</v>
      </c>
    </row>
    <row r="2" spans="1:17" x14ac:dyDescent="0.2">
      <c r="B2" s="7" t="s">
        <v>2</v>
      </c>
      <c r="C2" s="7" t="s">
        <v>3</v>
      </c>
    </row>
    <row r="3" spans="1:17" x14ac:dyDescent="0.2">
      <c r="B3" s="7" t="s">
        <v>4</v>
      </c>
      <c r="C3" s="7" t="s">
        <v>5</v>
      </c>
    </row>
    <row r="4" spans="1:17" x14ac:dyDescent="0.2">
      <c r="B4" s="7" t="s">
        <v>6</v>
      </c>
      <c r="C4" s="7">
        <v>1476</v>
      </c>
    </row>
    <row r="5" spans="1:17" x14ac:dyDescent="0.2">
      <c r="B5" s="7" t="s">
        <v>7</v>
      </c>
      <c r="C5" s="7" t="s">
        <v>7</v>
      </c>
    </row>
    <row r="6" spans="1:17" x14ac:dyDescent="0.2">
      <c r="A6" s="1" t="s">
        <v>7</v>
      </c>
      <c r="B6" s="1" t="s">
        <v>366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</row>
    <row r="7" spans="1:17" x14ac:dyDescent="0.2">
      <c r="A7" s="1" t="s">
        <v>7</v>
      </c>
      <c r="B7" s="1" t="s">
        <v>55</v>
      </c>
      <c r="C7" s="1" t="s">
        <v>56</v>
      </c>
      <c r="D7" s="1" t="s">
        <v>132</v>
      </c>
      <c r="E7" s="1" t="s">
        <v>58</v>
      </c>
      <c r="F7" s="1" t="s">
        <v>59</v>
      </c>
      <c r="G7" s="1" t="s">
        <v>94</v>
      </c>
      <c r="H7" s="1" t="s">
        <v>95</v>
      </c>
      <c r="I7" s="1" t="s">
        <v>60</v>
      </c>
      <c r="J7" s="1" t="s">
        <v>61</v>
      </c>
      <c r="K7" s="1" t="s">
        <v>367</v>
      </c>
      <c r="L7" s="1" t="s">
        <v>96</v>
      </c>
      <c r="M7" s="1" t="s">
        <v>368</v>
      </c>
      <c r="N7" s="1" t="s">
        <v>99</v>
      </c>
      <c r="O7" s="1" t="s">
        <v>64</v>
      </c>
      <c r="P7" s="1" t="s">
        <v>100</v>
      </c>
      <c r="Q7" s="1" t="s">
        <v>7</v>
      </c>
    </row>
    <row r="8" spans="1:17" x14ac:dyDescent="0.2">
      <c r="A8" s="1" t="s">
        <v>7</v>
      </c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43</v>
      </c>
      <c r="H8" s="1" t="s">
        <v>101</v>
      </c>
      <c r="I8" s="1" t="s">
        <v>7</v>
      </c>
      <c r="J8" s="1" t="s">
        <v>12</v>
      </c>
      <c r="K8" s="1" t="s">
        <v>369</v>
      </c>
      <c r="L8" s="1" t="s">
        <v>144</v>
      </c>
      <c r="M8" s="1" t="s">
        <v>11</v>
      </c>
      <c r="N8" s="1" t="s">
        <v>12</v>
      </c>
      <c r="O8" s="1" t="s">
        <v>12</v>
      </c>
      <c r="P8" s="1" t="s">
        <v>12</v>
      </c>
      <c r="Q8" s="1" t="s">
        <v>7</v>
      </c>
    </row>
    <row r="9" spans="1:17" x14ac:dyDescent="0.2">
      <c r="A9" s="1" t="s">
        <v>7</v>
      </c>
      <c r="B9" s="1" t="s">
        <v>7</v>
      </c>
      <c r="C9" s="1" t="s">
        <v>13</v>
      </c>
      <c r="D9" s="1" t="s">
        <v>14</v>
      </c>
      <c r="E9" s="1" t="s">
        <v>66</v>
      </c>
      <c r="F9" s="1" t="s">
        <v>67</v>
      </c>
      <c r="G9" s="1" t="s">
        <v>68</v>
      </c>
      <c r="H9" s="1" t="s">
        <v>69</v>
      </c>
      <c r="I9" s="1" t="s">
        <v>70</v>
      </c>
      <c r="J9" s="1" t="s">
        <v>71</v>
      </c>
      <c r="K9" s="1" t="s">
        <v>72</v>
      </c>
      <c r="L9" s="1" t="s">
        <v>73</v>
      </c>
      <c r="M9" s="1" t="s">
        <v>104</v>
      </c>
      <c r="N9" s="1" t="s">
        <v>105</v>
      </c>
      <c r="O9" s="1" t="s">
        <v>106</v>
      </c>
      <c r="P9" s="1" t="s">
        <v>107</v>
      </c>
      <c r="Q9" s="1" t="s">
        <v>7</v>
      </c>
    </row>
    <row r="10" spans="1:17" x14ac:dyDescent="0.2">
      <c r="A10" s="8" t="s">
        <v>7</v>
      </c>
      <c r="B10" s="8" t="s">
        <v>370</v>
      </c>
      <c r="C10" s="8" t="s">
        <v>7</v>
      </c>
      <c r="D10" s="8" t="s">
        <v>7</v>
      </c>
      <c r="E10" s="8" t="s">
        <v>7</v>
      </c>
      <c r="F10" s="8" t="s">
        <v>7</v>
      </c>
      <c r="G10" s="8" t="s">
        <v>7</v>
      </c>
      <c r="H10" s="10">
        <v>0</v>
      </c>
      <c r="I10" s="8" t="s">
        <v>7</v>
      </c>
      <c r="J10" s="9">
        <v>0</v>
      </c>
      <c r="K10" s="9">
        <v>0</v>
      </c>
      <c r="L10" s="8" t="s">
        <v>7</v>
      </c>
      <c r="M10" s="10">
        <v>0</v>
      </c>
      <c r="N10" s="8" t="s">
        <v>7</v>
      </c>
      <c r="O10" s="9">
        <v>0</v>
      </c>
      <c r="P10" s="9">
        <v>0</v>
      </c>
      <c r="Q10" s="8" t="s">
        <v>7</v>
      </c>
    </row>
    <row r="11" spans="1:17" x14ac:dyDescent="0.2">
      <c r="A11" s="8" t="s">
        <v>7</v>
      </c>
      <c r="B11" s="8" t="s">
        <v>75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10">
        <v>0</v>
      </c>
      <c r="I11" s="8" t="s">
        <v>7</v>
      </c>
      <c r="J11" s="9">
        <v>0</v>
      </c>
      <c r="K11" s="9">
        <v>0</v>
      </c>
      <c r="L11" s="8" t="s">
        <v>7</v>
      </c>
      <c r="M11" s="10">
        <v>0</v>
      </c>
      <c r="N11" s="8" t="s">
        <v>7</v>
      </c>
      <c r="O11" s="9">
        <v>0</v>
      </c>
      <c r="P11" s="9">
        <v>0</v>
      </c>
      <c r="Q11" s="8" t="s">
        <v>7</v>
      </c>
    </row>
    <row r="12" spans="1:17" x14ac:dyDescent="0.2">
      <c r="A12" s="3" t="s">
        <v>7</v>
      </c>
      <c r="B12" s="3" t="s">
        <v>137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12">
        <v>0</v>
      </c>
      <c r="I12" s="3" t="s">
        <v>7</v>
      </c>
      <c r="J12" s="11">
        <v>0</v>
      </c>
      <c r="K12" s="11">
        <v>0</v>
      </c>
      <c r="L12" s="3" t="s">
        <v>7</v>
      </c>
      <c r="M12" s="12">
        <v>0</v>
      </c>
      <c r="N12" s="3" t="s">
        <v>7</v>
      </c>
      <c r="O12" s="11">
        <v>0</v>
      </c>
      <c r="P12" s="11">
        <v>0</v>
      </c>
      <c r="Q12" s="3" t="s">
        <v>7</v>
      </c>
    </row>
    <row r="13" spans="1:17" x14ac:dyDescent="0.2">
      <c r="A13" s="3" t="s">
        <v>7</v>
      </c>
      <c r="B13" s="3" t="s">
        <v>121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12">
        <v>0</v>
      </c>
      <c r="I13" s="3" t="s">
        <v>7</v>
      </c>
      <c r="J13" s="11">
        <v>0</v>
      </c>
      <c r="K13" s="11">
        <v>0</v>
      </c>
      <c r="L13" s="3" t="s">
        <v>7</v>
      </c>
      <c r="M13" s="12">
        <v>0</v>
      </c>
      <c r="N13" s="3" t="s">
        <v>7</v>
      </c>
      <c r="O13" s="11">
        <v>0</v>
      </c>
      <c r="P13" s="11">
        <v>0</v>
      </c>
      <c r="Q13" s="3" t="s">
        <v>7</v>
      </c>
    </row>
    <row r="14" spans="1:17" x14ac:dyDescent="0.2">
      <c r="A14" s="3" t="s">
        <v>7</v>
      </c>
      <c r="B14" s="3" t="s">
        <v>138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12">
        <v>0</v>
      </c>
      <c r="I14" s="3" t="s">
        <v>7</v>
      </c>
      <c r="J14" s="11">
        <v>0</v>
      </c>
      <c r="K14" s="11">
        <v>0</v>
      </c>
      <c r="L14" s="3" t="s">
        <v>7</v>
      </c>
      <c r="M14" s="12">
        <v>0</v>
      </c>
      <c r="N14" s="3" t="s">
        <v>7</v>
      </c>
      <c r="O14" s="11">
        <v>0</v>
      </c>
      <c r="P14" s="11">
        <v>0</v>
      </c>
      <c r="Q14" s="3" t="s">
        <v>7</v>
      </c>
    </row>
    <row r="15" spans="1:17" x14ac:dyDescent="0.2">
      <c r="A15" s="3" t="s">
        <v>7</v>
      </c>
      <c r="B15" s="3" t="s">
        <v>235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12">
        <v>0</v>
      </c>
      <c r="I15" s="3" t="s">
        <v>7</v>
      </c>
      <c r="J15" s="11">
        <v>0</v>
      </c>
      <c r="K15" s="11">
        <v>0</v>
      </c>
      <c r="L15" s="3" t="s">
        <v>7</v>
      </c>
      <c r="M15" s="12">
        <v>0</v>
      </c>
      <c r="N15" s="3" t="s">
        <v>7</v>
      </c>
      <c r="O15" s="11">
        <v>0</v>
      </c>
      <c r="P15" s="11">
        <v>0</v>
      </c>
      <c r="Q15" s="3" t="s">
        <v>7</v>
      </c>
    </row>
    <row r="16" spans="1:17" x14ac:dyDescent="0.2">
      <c r="A16" s="8" t="s">
        <v>7</v>
      </c>
      <c r="B16" s="8" t="s">
        <v>371</v>
      </c>
      <c r="C16" s="8" t="s">
        <v>7</v>
      </c>
      <c r="D16" s="8" t="s">
        <v>7</v>
      </c>
      <c r="E16" s="8" t="s">
        <v>7</v>
      </c>
      <c r="F16" s="8" t="s">
        <v>7</v>
      </c>
      <c r="G16" s="8" t="s">
        <v>7</v>
      </c>
      <c r="H16" s="8" t="s">
        <v>7</v>
      </c>
      <c r="I16" s="8" t="s">
        <v>7</v>
      </c>
      <c r="J16" s="8" t="s">
        <v>7</v>
      </c>
      <c r="K16" s="8" t="s">
        <v>7</v>
      </c>
      <c r="L16" s="8" t="s">
        <v>7</v>
      </c>
      <c r="M16" s="8" t="s">
        <v>7</v>
      </c>
      <c r="N16" s="8" t="s">
        <v>7</v>
      </c>
      <c r="O16" s="8" t="s">
        <v>7</v>
      </c>
      <c r="P16" s="8" t="s">
        <v>7</v>
      </c>
      <c r="Q16" s="8" t="s">
        <v>7</v>
      </c>
    </row>
    <row r="17" spans="1:17" x14ac:dyDescent="0.2">
      <c r="A17" s="3" t="s">
        <v>7</v>
      </c>
      <c r="B17" s="3" t="s">
        <v>140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3" t="s">
        <v>7</v>
      </c>
      <c r="I17" s="3" t="s">
        <v>7</v>
      </c>
      <c r="J17" s="3" t="s">
        <v>7</v>
      </c>
      <c r="K17" s="3" t="s">
        <v>7</v>
      </c>
      <c r="L17" s="3" t="s">
        <v>7</v>
      </c>
      <c r="M17" s="3" t="s">
        <v>7</v>
      </c>
      <c r="N17" s="3" t="s">
        <v>7</v>
      </c>
      <c r="O17" s="3" t="s">
        <v>7</v>
      </c>
      <c r="P17" s="3" t="s">
        <v>7</v>
      </c>
      <c r="Q17" s="3" t="s">
        <v>7</v>
      </c>
    </row>
    <row r="18" spans="1:17" x14ac:dyDescent="0.2">
      <c r="A18" s="3" t="s">
        <v>7</v>
      </c>
      <c r="B18" s="3" t="s">
        <v>139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3" t="s">
        <v>7</v>
      </c>
      <c r="I18" s="3" t="s">
        <v>7</v>
      </c>
      <c r="J18" s="3" t="s">
        <v>7</v>
      </c>
      <c r="K18" s="3" t="s">
        <v>7</v>
      </c>
      <c r="L18" s="3" t="s">
        <v>7</v>
      </c>
      <c r="M18" s="3" t="s">
        <v>7</v>
      </c>
      <c r="N18" s="3" t="s">
        <v>7</v>
      </c>
      <c r="O18" s="3" t="s">
        <v>7</v>
      </c>
      <c r="P18" s="3" t="s">
        <v>7</v>
      </c>
      <c r="Q18" s="3" t="s">
        <v>7</v>
      </c>
    </row>
    <row r="19" spans="1:17" x14ac:dyDescent="0.2">
      <c r="A19" s="7" t="s">
        <v>319</v>
      </c>
      <c r="B19" s="7" t="s">
        <v>53</v>
      </c>
    </row>
  </sheetData>
  <pageMargins left="0.7" right="0.7" top="0.75" bottom="0.75" header="0.3" footer="0.3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9"/>
  <sheetViews>
    <sheetView rightToLeft="1" workbookViewId="0"/>
  </sheetViews>
  <sheetFormatPr defaultRowHeight="14.25" x14ac:dyDescent="0.2"/>
  <cols>
    <col min="1" max="1" width="2" customWidth="1"/>
    <col min="2" max="2" width="28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1:17" x14ac:dyDescent="0.2">
      <c r="B1" s="7" t="s">
        <v>0</v>
      </c>
      <c r="C1" s="7" t="s">
        <v>1</v>
      </c>
    </row>
    <row r="2" spans="1:17" x14ac:dyDescent="0.2">
      <c r="B2" s="7" t="s">
        <v>2</v>
      </c>
      <c r="C2" s="7" t="s">
        <v>3</v>
      </c>
    </row>
    <row r="3" spans="1:17" x14ac:dyDescent="0.2">
      <c r="B3" s="7" t="s">
        <v>4</v>
      </c>
      <c r="C3" s="7" t="s">
        <v>5</v>
      </c>
    </row>
    <row r="4" spans="1:17" x14ac:dyDescent="0.2">
      <c r="B4" s="7" t="s">
        <v>6</v>
      </c>
      <c r="C4" s="7">
        <v>1476</v>
      </c>
    </row>
    <row r="5" spans="1:17" x14ac:dyDescent="0.2">
      <c r="B5" s="7" t="s">
        <v>7</v>
      </c>
      <c r="C5" s="7" t="s">
        <v>7</v>
      </c>
    </row>
    <row r="6" spans="1:17" x14ac:dyDescent="0.2">
      <c r="A6" s="1" t="s">
        <v>7</v>
      </c>
      <c r="B6" s="1" t="s">
        <v>37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</row>
    <row r="7" spans="1:17" x14ac:dyDescent="0.2">
      <c r="A7" s="1" t="s">
        <v>7</v>
      </c>
      <c r="B7" s="1" t="s">
        <v>55</v>
      </c>
      <c r="C7" s="1" t="s">
        <v>56</v>
      </c>
      <c r="D7" s="1" t="s">
        <v>132</v>
      </c>
      <c r="E7" s="1" t="s">
        <v>58</v>
      </c>
      <c r="F7" s="1" t="s">
        <v>59</v>
      </c>
      <c r="G7" s="1" t="s">
        <v>94</v>
      </c>
      <c r="H7" s="1" t="s">
        <v>95</v>
      </c>
      <c r="I7" s="1" t="s">
        <v>60</v>
      </c>
      <c r="J7" s="1" t="s">
        <v>61</v>
      </c>
      <c r="K7" s="1" t="s">
        <v>367</v>
      </c>
      <c r="L7" s="1" t="s">
        <v>96</v>
      </c>
      <c r="M7" s="1" t="s">
        <v>368</v>
      </c>
      <c r="N7" s="1" t="s">
        <v>99</v>
      </c>
      <c r="O7" s="1" t="s">
        <v>64</v>
      </c>
      <c r="P7" s="1" t="s">
        <v>100</v>
      </c>
      <c r="Q7" s="1" t="s">
        <v>7</v>
      </c>
    </row>
    <row r="8" spans="1:17" x14ac:dyDescent="0.2">
      <c r="A8" s="1" t="s">
        <v>7</v>
      </c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43</v>
      </c>
      <c r="H8" s="1" t="s">
        <v>101</v>
      </c>
      <c r="I8" s="1" t="s">
        <v>7</v>
      </c>
      <c r="J8" s="1" t="s">
        <v>12</v>
      </c>
      <c r="K8" s="1" t="s">
        <v>12</v>
      </c>
      <c r="L8" s="1" t="s">
        <v>144</v>
      </c>
      <c r="M8" s="1" t="s">
        <v>11</v>
      </c>
      <c r="N8" s="1" t="s">
        <v>12</v>
      </c>
      <c r="O8" s="1" t="s">
        <v>12</v>
      </c>
      <c r="P8" s="1" t="s">
        <v>12</v>
      </c>
      <c r="Q8" s="1" t="s">
        <v>7</v>
      </c>
    </row>
    <row r="9" spans="1:17" x14ac:dyDescent="0.2">
      <c r="A9" s="1" t="s">
        <v>7</v>
      </c>
      <c r="B9" s="1" t="s">
        <v>7</v>
      </c>
      <c r="C9" s="1" t="s">
        <v>13</v>
      </c>
      <c r="D9" s="1" t="s">
        <v>14</v>
      </c>
      <c r="E9" s="1" t="s">
        <v>66</v>
      </c>
      <c r="F9" s="1" t="s">
        <v>67</v>
      </c>
      <c r="G9" s="1" t="s">
        <v>68</v>
      </c>
      <c r="H9" s="1" t="s">
        <v>69</v>
      </c>
      <c r="I9" s="1" t="s">
        <v>70</v>
      </c>
      <c r="J9" s="1" t="s">
        <v>71</v>
      </c>
      <c r="K9" s="1" t="s">
        <v>72</v>
      </c>
      <c r="L9" s="1" t="s">
        <v>73</v>
      </c>
      <c r="M9" s="1" t="s">
        <v>104</v>
      </c>
      <c r="N9" s="1" t="s">
        <v>105</v>
      </c>
      <c r="O9" s="1" t="s">
        <v>106</v>
      </c>
      <c r="P9" s="1" t="s">
        <v>107</v>
      </c>
      <c r="Q9" s="1" t="s">
        <v>7</v>
      </c>
    </row>
    <row r="10" spans="1:17" x14ac:dyDescent="0.2">
      <c r="A10" s="8" t="s">
        <v>7</v>
      </c>
      <c r="B10" s="8" t="s">
        <v>373</v>
      </c>
      <c r="C10" s="8" t="s">
        <v>7</v>
      </c>
      <c r="D10" s="8" t="s">
        <v>7</v>
      </c>
      <c r="E10" s="8" t="s">
        <v>7</v>
      </c>
      <c r="F10" s="8" t="s">
        <v>7</v>
      </c>
      <c r="G10" s="8" t="s">
        <v>7</v>
      </c>
      <c r="H10" s="10">
        <v>0</v>
      </c>
      <c r="I10" s="8" t="s">
        <v>7</v>
      </c>
      <c r="J10" s="9">
        <v>0</v>
      </c>
      <c r="K10" s="9">
        <v>0</v>
      </c>
      <c r="L10" s="8" t="s">
        <v>7</v>
      </c>
      <c r="M10" s="10">
        <v>0</v>
      </c>
      <c r="N10" s="9">
        <v>0</v>
      </c>
      <c r="O10" s="9">
        <v>0</v>
      </c>
      <c r="P10" s="9">
        <v>0</v>
      </c>
      <c r="Q10" s="8" t="s">
        <v>7</v>
      </c>
    </row>
    <row r="11" spans="1:17" x14ac:dyDescent="0.2">
      <c r="A11" s="8" t="s">
        <v>7</v>
      </c>
      <c r="B11" s="8" t="s">
        <v>374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10">
        <v>0</v>
      </c>
      <c r="I11" s="8" t="s">
        <v>7</v>
      </c>
      <c r="J11" s="9">
        <v>0</v>
      </c>
      <c r="K11" s="9">
        <v>0</v>
      </c>
      <c r="L11" s="8" t="s">
        <v>7</v>
      </c>
      <c r="M11" s="10">
        <v>0</v>
      </c>
      <c r="N11" s="9">
        <v>0</v>
      </c>
      <c r="O11" s="9">
        <v>0</v>
      </c>
      <c r="P11" s="9">
        <v>0</v>
      </c>
      <c r="Q11" s="8" t="s">
        <v>7</v>
      </c>
    </row>
    <row r="12" spans="1:17" x14ac:dyDescent="0.2">
      <c r="A12" s="3" t="s">
        <v>7</v>
      </c>
      <c r="B12" s="3" t="s">
        <v>137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12">
        <v>0</v>
      </c>
      <c r="I12" s="3" t="s">
        <v>7</v>
      </c>
      <c r="J12" s="11">
        <v>0</v>
      </c>
      <c r="K12" s="11">
        <v>0</v>
      </c>
      <c r="L12" s="3" t="s">
        <v>7</v>
      </c>
      <c r="M12" s="12">
        <v>0</v>
      </c>
      <c r="N12" s="11">
        <v>0</v>
      </c>
      <c r="O12" s="11">
        <v>0</v>
      </c>
      <c r="P12" s="11">
        <v>0</v>
      </c>
      <c r="Q12" s="3" t="s">
        <v>7</v>
      </c>
    </row>
    <row r="13" spans="1:17" x14ac:dyDescent="0.2">
      <c r="A13" s="3" t="s">
        <v>7</v>
      </c>
      <c r="B13" s="3" t="s">
        <v>121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12">
        <v>0</v>
      </c>
      <c r="I13" s="3" t="s">
        <v>7</v>
      </c>
      <c r="J13" s="11">
        <v>0</v>
      </c>
      <c r="K13" s="11">
        <v>0</v>
      </c>
      <c r="L13" s="3" t="s">
        <v>7</v>
      </c>
      <c r="M13" s="12">
        <v>0</v>
      </c>
      <c r="N13" s="11">
        <v>0</v>
      </c>
      <c r="O13" s="11">
        <v>0</v>
      </c>
      <c r="P13" s="11">
        <v>0</v>
      </c>
      <c r="Q13" s="3" t="s">
        <v>7</v>
      </c>
    </row>
    <row r="14" spans="1:17" x14ac:dyDescent="0.2">
      <c r="A14" s="3" t="s">
        <v>7</v>
      </c>
      <c r="B14" s="3" t="s">
        <v>138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12">
        <v>0</v>
      </c>
      <c r="I14" s="3" t="s">
        <v>7</v>
      </c>
      <c r="J14" s="11">
        <v>0</v>
      </c>
      <c r="K14" s="11">
        <v>0</v>
      </c>
      <c r="L14" s="3" t="s">
        <v>7</v>
      </c>
      <c r="M14" s="12">
        <v>0</v>
      </c>
      <c r="N14" s="11">
        <v>0</v>
      </c>
      <c r="O14" s="11">
        <v>0</v>
      </c>
      <c r="P14" s="11">
        <v>0</v>
      </c>
      <c r="Q14" s="3" t="s">
        <v>7</v>
      </c>
    </row>
    <row r="15" spans="1:17" x14ac:dyDescent="0.2">
      <c r="A15" s="3" t="s">
        <v>7</v>
      </c>
      <c r="B15" s="3" t="s">
        <v>235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12">
        <v>0</v>
      </c>
      <c r="I15" s="3" t="s">
        <v>7</v>
      </c>
      <c r="J15" s="11">
        <v>0</v>
      </c>
      <c r="K15" s="11">
        <v>0</v>
      </c>
      <c r="L15" s="3" t="s">
        <v>7</v>
      </c>
      <c r="M15" s="12">
        <v>0</v>
      </c>
      <c r="N15" s="11">
        <v>0</v>
      </c>
      <c r="O15" s="11">
        <v>0</v>
      </c>
      <c r="P15" s="11">
        <v>0</v>
      </c>
      <c r="Q15" s="3" t="s">
        <v>7</v>
      </c>
    </row>
    <row r="16" spans="1:17" x14ac:dyDescent="0.2">
      <c r="A16" s="8" t="s">
        <v>7</v>
      </c>
      <c r="B16" s="8" t="s">
        <v>371</v>
      </c>
      <c r="C16" s="8" t="s">
        <v>7</v>
      </c>
      <c r="D16" s="8" t="s">
        <v>7</v>
      </c>
      <c r="E16" s="8" t="s">
        <v>7</v>
      </c>
      <c r="F16" s="8" t="s">
        <v>7</v>
      </c>
      <c r="G16" s="8" t="s">
        <v>7</v>
      </c>
      <c r="H16" s="8" t="s">
        <v>7</v>
      </c>
      <c r="I16" s="8" t="s">
        <v>7</v>
      </c>
      <c r="J16" s="8" t="s">
        <v>7</v>
      </c>
      <c r="K16" s="8" t="s">
        <v>7</v>
      </c>
      <c r="L16" s="8" t="s">
        <v>7</v>
      </c>
      <c r="M16" s="8" t="s">
        <v>7</v>
      </c>
      <c r="N16" s="8" t="s">
        <v>7</v>
      </c>
      <c r="O16" s="8" t="s">
        <v>7</v>
      </c>
      <c r="P16" s="8" t="s">
        <v>7</v>
      </c>
      <c r="Q16" s="8" t="s">
        <v>7</v>
      </c>
    </row>
    <row r="17" spans="1:17" x14ac:dyDescent="0.2">
      <c r="A17" s="3" t="s">
        <v>7</v>
      </c>
      <c r="B17" s="3" t="s">
        <v>140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3" t="s">
        <v>7</v>
      </c>
      <c r="I17" s="3" t="s">
        <v>7</v>
      </c>
      <c r="J17" s="3" t="s">
        <v>7</v>
      </c>
      <c r="K17" s="3" t="s">
        <v>7</v>
      </c>
      <c r="L17" s="3" t="s">
        <v>7</v>
      </c>
      <c r="M17" s="3" t="s">
        <v>7</v>
      </c>
      <c r="N17" s="3" t="s">
        <v>7</v>
      </c>
      <c r="O17" s="3" t="s">
        <v>7</v>
      </c>
      <c r="P17" s="3" t="s">
        <v>7</v>
      </c>
      <c r="Q17" s="3" t="s">
        <v>7</v>
      </c>
    </row>
    <row r="18" spans="1:17" x14ac:dyDescent="0.2">
      <c r="A18" s="3" t="s">
        <v>7</v>
      </c>
      <c r="B18" s="3" t="s">
        <v>139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3" t="s">
        <v>7</v>
      </c>
      <c r="I18" s="3" t="s">
        <v>7</v>
      </c>
      <c r="J18" s="3" t="s">
        <v>7</v>
      </c>
      <c r="K18" s="3" t="s">
        <v>7</v>
      </c>
      <c r="L18" s="3" t="s">
        <v>7</v>
      </c>
      <c r="M18" s="3" t="s">
        <v>7</v>
      </c>
      <c r="N18" s="3" t="s">
        <v>7</v>
      </c>
      <c r="O18" s="3" t="s">
        <v>7</v>
      </c>
      <c r="P18" s="3" t="s">
        <v>7</v>
      </c>
      <c r="Q18" s="3" t="s">
        <v>7</v>
      </c>
    </row>
    <row r="19" spans="1:17" x14ac:dyDescent="0.2">
      <c r="A19" s="7" t="s">
        <v>319</v>
      </c>
      <c r="B19" s="7" t="s">
        <v>53</v>
      </c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31"/>
  <sheetViews>
    <sheetView rightToLeft="1" topLeftCell="A16" workbookViewId="0"/>
  </sheetViews>
  <sheetFormatPr defaultRowHeight="14.25" x14ac:dyDescent="0.2"/>
  <cols>
    <col min="1" max="1" width="2" customWidth="1"/>
    <col min="2" max="2" width="40" customWidth="1"/>
    <col min="3" max="4" width="11" customWidth="1"/>
    <col min="5" max="5" width="7" customWidth="1"/>
    <col min="6" max="6" width="11" customWidth="1"/>
    <col min="7" max="7" width="13" customWidth="1"/>
    <col min="8" max="8" width="7" customWidth="1"/>
    <col min="9" max="9" width="10" customWidth="1"/>
    <col min="10" max="10" width="13" customWidth="1"/>
    <col min="11" max="12" width="15" customWidth="1"/>
    <col min="13" max="13" width="8" customWidth="1"/>
    <col min="14" max="14" width="18" customWidth="1"/>
    <col min="15" max="15" width="11" customWidth="1"/>
    <col min="16" max="16" width="22" customWidth="1"/>
    <col min="17" max="17" width="24" customWidth="1"/>
    <col min="18" max="18" width="23" customWidth="1"/>
    <col min="19" max="19" width="2" customWidth="1"/>
  </cols>
  <sheetData>
    <row r="1" spans="1:19" x14ac:dyDescent="0.2">
      <c r="B1" s="7" t="s">
        <v>0</v>
      </c>
      <c r="C1" s="7" t="s">
        <v>1</v>
      </c>
    </row>
    <row r="2" spans="1:19" x14ac:dyDescent="0.2">
      <c r="B2" s="7" t="s">
        <v>2</v>
      </c>
      <c r="C2" s="7" t="s">
        <v>3</v>
      </c>
    </row>
    <row r="3" spans="1:19" x14ac:dyDescent="0.2">
      <c r="B3" s="7" t="s">
        <v>4</v>
      </c>
      <c r="C3" s="7" t="s">
        <v>5</v>
      </c>
    </row>
    <row r="4" spans="1:19" x14ac:dyDescent="0.2">
      <c r="B4" s="7" t="s">
        <v>6</v>
      </c>
      <c r="C4" s="7">
        <v>1476</v>
      </c>
    </row>
    <row r="5" spans="1:19" x14ac:dyDescent="0.2">
      <c r="B5" s="7" t="s">
        <v>7</v>
      </c>
      <c r="C5" s="7" t="s">
        <v>7</v>
      </c>
    </row>
    <row r="6" spans="1:19" x14ac:dyDescent="0.2">
      <c r="A6" s="1" t="s">
        <v>7</v>
      </c>
      <c r="B6" s="1" t="s">
        <v>9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</row>
    <row r="7" spans="1:19" x14ac:dyDescent="0.2">
      <c r="A7" s="1" t="s">
        <v>7</v>
      </c>
      <c r="B7" s="1" t="s">
        <v>92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</row>
    <row r="8" spans="1:19" x14ac:dyDescent="0.2">
      <c r="A8" s="1" t="s">
        <v>7</v>
      </c>
      <c r="B8" s="1" t="s">
        <v>55</v>
      </c>
      <c r="C8" s="1" t="s">
        <v>56</v>
      </c>
      <c r="D8" s="1" t="s">
        <v>93</v>
      </c>
      <c r="E8" s="1" t="s">
        <v>58</v>
      </c>
      <c r="F8" s="1" t="s">
        <v>59</v>
      </c>
      <c r="G8" s="1" t="s">
        <v>94</v>
      </c>
      <c r="H8" s="1" t="s">
        <v>95</v>
      </c>
      <c r="I8" s="1" t="s">
        <v>60</v>
      </c>
      <c r="J8" s="1" t="s">
        <v>61</v>
      </c>
      <c r="K8" s="1" t="s">
        <v>62</v>
      </c>
      <c r="L8" s="1" t="s">
        <v>96</v>
      </c>
      <c r="M8" s="1" t="s">
        <v>97</v>
      </c>
      <c r="N8" s="1" t="s">
        <v>98</v>
      </c>
      <c r="O8" s="1" t="s">
        <v>63</v>
      </c>
      <c r="P8" s="1" t="s">
        <v>99</v>
      </c>
      <c r="Q8" s="1" t="s">
        <v>64</v>
      </c>
      <c r="R8" s="1" t="s">
        <v>100</v>
      </c>
      <c r="S8" s="1" t="s">
        <v>7</v>
      </c>
    </row>
    <row r="9" spans="1:19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01</v>
      </c>
      <c r="I9" s="1" t="s">
        <v>7</v>
      </c>
      <c r="J9" s="1" t="s">
        <v>12</v>
      </c>
      <c r="K9" s="1" t="s">
        <v>12</v>
      </c>
      <c r="L9" s="1" t="s">
        <v>102</v>
      </c>
      <c r="M9" s="1" t="s">
        <v>103</v>
      </c>
      <c r="N9" s="1" t="s">
        <v>11</v>
      </c>
      <c r="O9" s="1" t="s">
        <v>11</v>
      </c>
      <c r="P9" s="1" t="s">
        <v>12</v>
      </c>
      <c r="Q9" s="1" t="s">
        <v>12</v>
      </c>
      <c r="R9" s="1" t="s">
        <v>12</v>
      </c>
      <c r="S9" s="1" t="s">
        <v>7</v>
      </c>
    </row>
    <row r="10" spans="1:19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104</v>
      </c>
      <c r="N10" s="1" t="s">
        <v>105</v>
      </c>
      <c r="O10" s="1" t="s">
        <v>106</v>
      </c>
      <c r="P10" s="1" t="s">
        <v>107</v>
      </c>
      <c r="Q10" s="1" t="s">
        <v>108</v>
      </c>
      <c r="R10" s="1" t="s">
        <v>109</v>
      </c>
      <c r="S10" s="1" t="s">
        <v>7</v>
      </c>
    </row>
    <row r="11" spans="1:19" x14ac:dyDescent="0.2">
      <c r="A11" s="8" t="s">
        <v>7</v>
      </c>
      <c r="B11" s="8" t="s">
        <v>110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10">
        <v>5.83</v>
      </c>
      <c r="I11" s="8" t="s">
        <v>7</v>
      </c>
      <c r="J11" s="9">
        <v>2.9100000000000001E-2</v>
      </c>
      <c r="K11" s="9">
        <v>-2.2000000000000001E-3</v>
      </c>
      <c r="L11" s="10">
        <v>24140607</v>
      </c>
      <c r="M11" s="8" t="s">
        <v>7</v>
      </c>
      <c r="N11" s="10">
        <v>0</v>
      </c>
      <c r="O11" s="10">
        <v>28429.41</v>
      </c>
      <c r="P11" s="8" t="s">
        <v>7</v>
      </c>
      <c r="Q11" s="9">
        <v>1</v>
      </c>
      <c r="R11" s="9">
        <v>0.62780000000000002</v>
      </c>
      <c r="S11" s="8" t="s">
        <v>7</v>
      </c>
    </row>
    <row r="12" spans="1:19" x14ac:dyDescent="0.2">
      <c r="A12" s="3" t="s">
        <v>7</v>
      </c>
      <c r="B12" s="3" t="s">
        <v>75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12">
        <v>5.83</v>
      </c>
      <c r="I12" s="3" t="s">
        <v>7</v>
      </c>
      <c r="J12" s="11">
        <v>2.9100000000000001E-2</v>
      </c>
      <c r="K12" s="11">
        <v>-2.2000000000000001E-3</v>
      </c>
      <c r="L12" s="12">
        <v>24140607</v>
      </c>
      <c r="M12" s="3" t="s">
        <v>7</v>
      </c>
      <c r="N12" s="12">
        <v>0</v>
      </c>
      <c r="O12" s="12">
        <v>28429.41</v>
      </c>
      <c r="P12" s="3" t="s">
        <v>7</v>
      </c>
      <c r="Q12" s="11">
        <v>1</v>
      </c>
      <c r="R12" s="11">
        <v>0.62780000000000002</v>
      </c>
      <c r="S12" s="3" t="s">
        <v>7</v>
      </c>
    </row>
    <row r="13" spans="1:19" x14ac:dyDescent="0.2">
      <c r="A13" s="3" t="s">
        <v>7</v>
      </c>
      <c r="B13" s="3" t="s">
        <v>111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12">
        <v>3.62</v>
      </c>
      <c r="I13" s="3" t="s">
        <v>7</v>
      </c>
      <c r="J13" s="11">
        <v>2.64E-2</v>
      </c>
      <c r="K13" s="11">
        <v>-1.47E-2</v>
      </c>
      <c r="L13" s="12">
        <v>10930719</v>
      </c>
      <c r="M13" s="3" t="s">
        <v>7</v>
      </c>
      <c r="N13" s="12">
        <v>0</v>
      </c>
      <c r="O13" s="12">
        <v>13343.76</v>
      </c>
      <c r="P13" s="3" t="s">
        <v>7</v>
      </c>
      <c r="Q13" s="11">
        <v>0.46939999999999998</v>
      </c>
      <c r="R13" s="11">
        <v>0.29470000000000002</v>
      </c>
      <c r="S13" s="3" t="s">
        <v>7</v>
      </c>
    </row>
    <row r="14" spans="1:19" x14ac:dyDescent="0.2">
      <c r="A14" s="13" t="s">
        <v>7</v>
      </c>
      <c r="B14" s="13" t="s">
        <v>112</v>
      </c>
      <c r="C14" s="14">
        <v>1140847</v>
      </c>
      <c r="D14" s="13" t="s">
        <v>113</v>
      </c>
      <c r="E14" s="13" t="s">
        <v>114</v>
      </c>
      <c r="F14" s="13" t="s">
        <v>115</v>
      </c>
      <c r="G14" s="13" t="s">
        <v>7</v>
      </c>
      <c r="H14" s="16">
        <v>6.02</v>
      </c>
      <c r="I14" s="13" t="s">
        <v>81</v>
      </c>
      <c r="J14" s="15">
        <v>7.4999999999999997E-3</v>
      </c>
      <c r="K14" s="15">
        <v>-1.03E-2</v>
      </c>
      <c r="L14" s="16">
        <v>422801</v>
      </c>
      <c r="M14" s="16">
        <v>113.35</v>
      </c>
      <c r="N14" s="16">
        <v>0</v>
      </c>
      <c r="O14" s="16">
        <v>479.24</v>
      </c>
      <c r="P14" s="15">
        <v>0</v>
      </c>
      <c r="Q14" s="15">
        <v>1.6899999999999998E-2</v>
      </c>
      <c r="R14" s="15">
        <v>1.06E-2</v>
      </c>
      <c r="S14" s="13" t="s">
        <v>7</v>
      </c>
    </row>
    <row r="15" spans="1:19" x14ac:dyDescent="0.2">
      <c r="A15" s="13" t="s">
        <v>7</v>
      </c>
      <c r="B15" s="13" t="s">
        <v>116</v>
      </c>
      <c r="C15" s="14">
        <v>1120583</v>
      </c>
      <c r="D15" s="13" t="s">
        <v>113</v>
      </c>
      <c r="E15" s="13" t="s">
        <v>114</v>
      </c>
      <c r="F15" s="13" t="s">
        <v>115</v>
      </c>
      <c r="G15" s="13" t="s">
        <v>7</v>
      </c>
      <c r="H15" s="16">
        <v>16.760000000000002</v>
      </c>
      <c r="I15" s="13" t="s">
        <v>81</v>
      </c>
      <c r="J15" s="15">
        <v>2.75E-2</v>
      </c>
      <c r="K15" s="15">
        <v>1E-4</v>
      </c>
      <c r="L15" s="16">
        <v>362022</v>
      </c>
      <c r="M15" s="16">
        <v>168.8</v>
      </c>
      <c r="N15" s="16">
        <v>0</v>
      </c>
      <c r="O15" s="16">
        <v>611.09</v>
      </c>
      <c r="P15" s="15">
        <v>0</v>
      </c>
      <c r="Q15" s="15">
        <v>2.1499999999999998E-2</v>
      </c>
      <c r="R15" s="15">
        <v>1.35E-2</v>
      </c>
      <c r="S15" s="13" t="s">
        <v>7</v>
      </c>
    </row>
    <row r="16" spans="1:19" x14ac:dyDescent="0.2">
      <c r="A16" s="13" t="s">
        <v>7</v>
      </c>
      <c r="B16" s="13" t="s">
        <v>117</v>
      </c>
      <c r="C16" s="14">
        <v>1124056</v>
      </c>
      <c r="D16" s="13" t="s">
        <v>113</v>
      </c>
      <c r="E16" s="13" t="s">
        <v>114</v>
      </c>
      <c r="F16" s="13" t="s">
        <v>115</v>
      </c>
      <c r="G16" s="13" t="s">
        <v>7</v>
      </c>
      <c r="H16" s="16">
        <v>1.47</v>
      </c>
      <c r="I16" s="13" t="s">
        <v>81</v>
      </c>
      <c r="J16" s="15">
        <v>2.75E-2</v>
      </c>
      <c r="K16" s="15">
        <v>-1.8200000000000001E-2</v>
      </c>
      <c r="L16" s="16">
        <v>4859941</v>
      </c>
      <c r="M16" s="16">
        <v>112.49</v>
      </c>
      <c r="N16" s="16">
        <v>0</v>
      </c>
      <c r="O16" s="16">
        <v>5466.95</v>
      </c>
      <c r="P16" s="15">
        <v>2.9999999999999997E-4</v>
      </c>
      <c r="Q16" s="15">
        <v>0.1923</v>
      </c>
      <c r="R16" s="15">
        <v>0.1207</v>
      </c>
      <c r="S16" s="13" t="s">
        <v>7</v>
      </c>
    </row>
    <row r="17" spans="1:19" x14ac:dyDescent="0.2">
      <c r="A17" s="13" t="s">
        <v>7</v>
      </c>
      <c r="B17" s="13" t="s">
        <v>118</v>
      </c>
      <c r="C17" s="14">
        <v>1128081</v>
      </c>
      <c r="D17" s="13" t="s">
        <v>113</v>
      </c>
      <c r="E17" s="13" t="s">
        <v>114</v>
      </c>
      <c r="F17" s="13" t="s">
        <v>115</v>
      </c>
      <c r="G17" s="13" t="s">
        <v>7</v>
      </c>
      <c r="H17" s="16">
        <v>2.4500000000000002</v>
      </c>
      <c r="I17" s="13" t="s">
        <v>81</v>
      </c>
      <c r="J17" s="15">
        <v>1.7500000000000002E-2</v>
      </c>
      <c r="K17" s="15">
        <v>-1.5699999999999999E-2</v>
      </c>
      <c r="L17" s="16">
        <v>3589786</v>
      </c>
      <c r="M17" s="16">
        <v>111.46</v>
      </c>
      <c r="N17" s="16">
        <v>0</v>
      </c>
      <c r="O17" s="16">
        <v>4001.17</v>
      </c>
      <c r="P17" s="15">
        <v>2.0000000000000001E-4</v>
      </c>
      <c r="Q17" s="15">
        <v>0.14069999999999999</v>
      </c>
      <c r="R17" s="15">
        <v>8.8400000000000006E-2</v>
      </c>
      <c r="S17" s="13" t="s">
        <v>7</v>
      </c>
    </row>
    <row r="18" spans="1:19" x14ac:dyDescent="0.2">
      <c r="A18" s="13" t="s">
        <v>7</v>
      </c>
      <c r="B18" s="13" t="s">
        <v>119</v>
      </c>
      <c r="C18" s="14">
        <v>9590431</v>
      </c>
      <c r="D18" s="13" t="s">
        <v>113</v>
      </c>
      <c r="E18" s="13" t="s">
        <v>114</v>
      </c>
      <c r="F18" s="13" t="s">
        <v>115</v>
      </c>
      <c r="G18" s="13" t="s">
        <v>7</v>
      </c>
      <c r="H18" s="16">
        <v>3.13</v>
      </c>
      <c r="I18" s="13" t="s">
        <v>81</v>
      </c>
      <c r="J18" s="15">
        <v>0.04</v>
      </c>
      <c r="K18" s="15">
        <v>-1.44E-2</v>
      </c>
      <c r="L18" s="16">
        <v>1226169</v>
      </c>
      <c r="M18" s="16">
        <v>150.19</v>
      </c>
      <c r="N18" s="16">
        <v>0</v>
      </c>
      <c r="O18" s="16">
        <v>1841.58</v>
      </c>
      <c r="P18" s="15">
        <v>1E-4</v>
      </c>
      <c r="Q18" s="15">
        <v>6.4799999999999996E-2</v>
      </c>
      <c r="R18" s="15">
        <v>4.07E-2</v>
      </c>
      <c r="S18" s="13" t="s">
        <v>7</v>
      </c>
    </row>
    <row r="19" spans="1:19" x14ac:dyDescent="0.2">
      <c r="A19" s="13" t="s">
        <v>7</v>
      </c>
      <c r="B19" s="13" t="s">
        <v>120</v>
      </c>
      <c r="C19" s="14">
        <v>1097708</v>
      </c>
      <c r="D19" s="13" t="s">
        <v>113</v>
      </c>
      <c r="E19" s="13" t="s">
        <v>114</v>
      </c>
      <c r="F19" s="13" t="s">
        <v>115</v>
      </c>
      <c r="G19" s="13" t="s">
        <v>7</v>
      </c>
      <c r="H19" s="16">
        <v>12.29</v>
      </c>
      <c r="I19" s="13" t="s">
        <v>81</v>
      </c>
      <c r="J19" s="15">
        <v>0.04</v>
      </c>
      <c r="K19" s="15">
        <v>-2.2000000000000001E-3</v>
      </c>
      <c r="L19" s="16">
        <v>470000</v>
      </c>
      <c r="M19" s="16">
        <v>200.79</v>
      </c>
      <c r="N19" s="16">
        <v>0</v>
      </c>
      <c r="O19" s="16">
        <v>943.71</v>
      </c>
      <c r="P19" s="15">
        <v>0</v>
      </c>
      <c r="Q19" s="15">
        <v>3.32E-2</v>
      </c>
      <c r="R19" s="15">
        <v>2.0799999999999999E-2</v>
      </c>
      <c r="S19" s="13" t="s">
        <v>7</v>
      </c>
    </row>
    <row r="20" spans="1:19" x14ac:dyDescent="0.2">
      <c r="A20" s="3" t="s">
        <v>7</v>
      </c>
      <c r="B20" s="3" t="s">
        <v>121</v>
      </c>
      <c r="C20" s="3" t="s">
        <v>7</v>
      </c>
      <c r="D20" s="3" t="s">
        <v>7</v>
      </c>
      <c r="E20" s="3" t="s">
        <v>7</v>
      </c>
      <c r="F20" s="3" t="s">
        <v>7</v>
      </c>
      <c r="G20" s="3" t="s">
        <v>7</v>
      </c>
      <c r="H20" s="12">
        <v>7.78</v>
      </c>
      <c r="I20" s="3" t="s">
        <v>7</v>
      </c>
      <c r="J20" s="11">
        <v>3.15E-2</v>
      </c>
      <c r="K20" s="11">
        <v>8.8999999999999999E-3</v>
      </c>
      <c r="L20" s="12">
        <v>13209888</v>
      </c>
      <c r="M20" s="3" t="s">
        <v>7</v>
      </c>
      <c r="N20" s="12">
        <v>0</v>
      </c>
      <c r="O20" s="12">
        <v>15085.65</v>
      </c>
      <c r="P20" s="3" t="s">
        <v>7</v>
      </c>
      <c r="Q20" s="11">
        <v>0.53059999999999996</v>
      </c>
      <c r="R20" s="11">
        <v>0.33310000000000001</v>
      </c>
      <c r="S20" s="3" t="s">
        <v>7</v>
      </c>
    </row>
    <row r="21" spans="1:19" x14ac:dyDescent="0.2">
      <c r="A21" s="13" t="s">
        <v>7</v>
      </c>
      <c r="B21" s="13" t="s">
        <v>122</v>
      </c>
      <c r="C21" s="14">
        <v>1139344</v>
      </c>
      <c r="D21" s="13" t="s">
        <v>113</v>
      </c>
      <c r="E21" s="13" t="s">
        <v>114</v>
      </c>
      <c r="F21" s="13" t="s">
        <v>115</v>
      </c>
      <c r="G21" s="13" t="s">
        <v>7</v>
      </c>
      <c r="H21" s="16">
        <v>5.73</v>
      </c>
      <c r="I21" s="13" t="s">
        <v>81</v>
      </c>
      <c r="J21" s="15">
        <v>0.02</v>
      </c>
      <c r="K21" s="15">
        <v>6.4999999999999997E-3</v>
      </c>
      <c r="L21" s="16">
        <v>3170143</v>
      </c>
      <c r="M21" s="16">
        <v>107.9</v>
      </c>
      <c r="N21" s="16">
        <v>0</v>
      </c>
      <c r="O21" s="16">
        <v>3420.58</v>
      </c>
      <c r="P21" s="15">
        <v>2.0000000000000001E-4</v>
      </c>
      <c r="Q21" s="15">
        <v>0.1203</v>
      </c>
      <c r="R21" s="15">
        <v>7.5499999999999998E-2</v>
      </c>
      <c r="S21" s="13" t="s">
        <v>7</v>
      </c>
    </row>
    <row r="22" spans="1:19" x14ac:dyDescent="0.2">
      <c r="A22" s="13" t="s">
        <v>7</v>
      </c>
      <c r="B22" s="13" t="s">
        <v>123</v>
      </c>
      <c r="C22" s="14">
        <v>1150879</v>
      </c>
      <c r="D22" s="13" t="s">
        <v>113</v>
      </c>
      <c r="E22" s="13" t="s">
        <v>114</v>
      </c>
      <c r="F22" s="13" t="s">
        <v>115</v>
      </c>
      <c r="G22" s="13" t="s">
        <v>7</v>
      </c>
      <c r="H22" s="16">
        <v>6.94</v>
      </c>
      <c r="I22" s="13" t="s">
        <v>81</v>
      </c>
      <c r="J22" s="15">
        <v>2.2499999999999999E-2</v>
      </c>
      <c r="K22" s="15">
        <v>8.6999999999999994E-3</v>
      </c>
      <c r="L22" s="16">
        <v>1879942</v>
      </c>
      <c r="M22" s="16">
        <v>111.08</v>
      </c>
      <c r="N22" s="16">
        <v>0</v>
      </c>
      <c r="O22" s="16">
        <v>2088.2399999999998</v>
      </c>
      <c r="P22" s="15">
        <v>1E-4</v>
      </c>
      <c r="Q22" s="15">
        <v>7.3400000000000007E-2</v>
      </c>
      <c r="R22" s="15">
        <v>4.6100000000000002E-2</v>
      </c>
      <c r="S22" s="13" t="s">
        <v>7</v>
      </c>
    </row>
    <row r="23" spans="1:19" x14ac:dyDescent="0.2">
      <c r="A23" s="13" t="s">
        <v>7</v>
      </c>
      <c r="B23" s="13" t="s">
        <v>124</v>
      </c>
      <c r="C23" s="14">
        <v>1140193</v>
      </c>
      <c r="D23" s="13" t="s">
        <v>113</v>
      </c>
      <c r="E23" s="13" t="s">
        <v>114</v>
      </c>
      <c r="F23" s="13" t="s">
        <v>115</v>
      </c>
      <c r="G23" s="13" t="s">
        <v>7</v>
      </c>
      <c r="H23" s="16">
        <v>18.28</v>
      </c>
      <c r="I23" s="13" t="s">
        <v>81</v>
      </c>
      <c r="J23" s="15">
        <v>3.7499999999999999E-2</v>
      </c>
      <c r="K23" s="15">
        <v>2.18E-2</v>
      </c>
      <c r="L23" s="16">
        <v>2756887</v>
      </c>
      <c r="M23" s="16">
        <v>130.9</v>
      </c>
      <c r="N23" s="16">
        <v>0</v>
      </c>
      <c r="O23" s="16">
        <v>3608.76</v>
      </c>
      <c r="P23" s="15">
        <v>1E-4</v>
      </c>
      <c r="Q23" s="15">
        <v>0.12690000000000001</v>
      </c>
      <c r="R23" s="15">
        <v>7.9699999999999993E-2</v>
      </c>
      <c r="S23" s="13" t="s">
        <v>7</v>
      </c>
    </row>
    <row r="24" spans="1:19" x14ac:dyDescent="0.2">
      <c r="A24" s="13" t="s">
        <v>7</v>
      </c>
      <c r="B24" s="13" t="s">
        <v>125</v>
      </c>
      <c r="C24" s="14">
        <v>1130848</v>
      </c>
      <c r="D24" s="13" t="s">
        <v>113</v>
      </c>
      <c r="E24" s="13" t="s">
        <v>114</v>
      </c>
      <c r="F24" s="13" t="s">
        <v>115</v>
      </c>
      <c r="G24" s="13" t="s">
        <v>7</v>
      </c>
      <c r="H24" s="16">
        <v>2.9</v>
      </c>
      <c r="I24" s="13" t="s">
        <v>81</v>
      </c>
      <c r="J24" s="15">
        <v>3.7499999999999999E-2</v>
      </c>
      <c r="K24" s="15">
        <v>2.5000000000000001E-3</v>
      </c>
      <c r="L24" s="16">
        <v>5402916</v>
      </c>
      <c r="M24" s="16">
        <v>110.46</v>
      </c>
      <c r="N24" s="16">
        <v>0</v>
      </c>
      <c r="O24" s="16">
        <v>5968.06</v>
      </c>
      <c r="P24" s="15">
        <v>2.0000000000000001E-4</v>
      </c>
      <c r="Q24" s="15">
        <v>0.2099</v>
      </c>
      <c r="R24" s="15">
        <v>0.1318</v>
      </c>
      <c r="S24" s="13" t="s">
        <v>7</v>
      </c>
    </row>
    <row r="25" spans="1:19" x14ac:dyDescent="0.2">
      <c r="A25" s="3" t="s">
        <v>7</v>
      </c>
      <c r="B25" s="3" t="s">
        <v>126</v>
      </c>
      <c r="C25" s="3" t="s">
        <v>7</v>
      </c>
      <c r="D25" s="3" t="s">
        <v>7</v>
      </c>
      <c r="E25" s="3" t="s">
        <v>7</v>
      </c>
      <c r="F25" s="3" t="s">
        <v>7</v>
      </c>
      <c r="G25" s="3" t="s">
        <v>7</v>
      </c>
      <c r="H25" s="12">
        <v>0</v>
      </c>
      <c r="I25" s="3" t="s">
        <v>7</v>
      </c>
      <c r="J25" s="11">
        <v>0</v>
      </c>
      <c r="K25" s="11">
        <v>0</v>
      </c>
      <c r="L25" s="12">
        <v>0</v>
      </c>
      <c r="M25" s="3" t="s">
        <v>7</v>
      </c>
      <c r="N25" s="12">
        <v>0</v>
      </c>
      <c r="O25" s="12">
        <v>0</v>
      </c>
      <c r="P25" s="3" t="s">
        <v>7</v>
      </c>
      <c r="Q25" s="11">
        <v>0</v>
      </c>
      <c r="R25" s="11">
        <v>0</v>
      </c>
      <c r="S25" s="3" t="s">
        <v>7</v>
      </c>
    </row>
    <row r="26" spans="1:19" x14ac:dyDescent="0.2">
      <c r="A26" s="3" t="s">
        <v>7</v>
      </c>
      <c r="B26" s="3" t="s">
        <v>88</v>
      </c>
      <c r="C26" s="3" t="s">
        <v>7</v>
      </c>
      <c r="D26" s="3" t="s">
        <v>7</v>
      </c>
      <c r="E26" s="3" t="s">
        <v>7</v>
      </c>
      <c r="F26" s="3" t="s">
        <v>7</v>
      </c>
      <c r="G26" s="3" t="s">
        <v>7</v>
      </c>
      <c r="H26" s="12">
        <v>0</v>
      </c>
      <c r="I26" s="3" t="s">
        <v>7</v>
      </c>
      <c r="J26" s="11">
        <v>0</v>
      </c>
      <c r="K26" s="11">
        <v>0</v>
      </c>
      <c r="L26" s="12">
        <v>0</v>
      </c>
      <c r="M26" s="3" t="s">
        <v>7</v>
      </c>
      <c r="N26" s="12">
        <v>0</v>
      </c>
      <c r="O26" s="12">
        <v>0</v>
      </c>
      <c r="P26" s="3" t="s">
        <v>7</v>
      </c>
      <c r="Q26" s="11">
        <v>0</v>
      </c>
      <c r="R26" s="11">
        <v>0</v>
      </c>
      <c r="S26" s="3" t="s">
        <v>7</v>
      </c>
    </row>
    <row r="27" spans="1:19" x14ac:dyDescent="0.2">
      <c r="A27" s="3" t="s">
        <v>7</v>
      </c>
      <c r="B27" s="3" t="s">
        <v>127</v>
      </c>
      <c r="C27" s="3" t="s">
        <v>7</v>
      </c>
      <c r="D27" s="3" t="s">
        <v>7</v>
      </c>
      <c r="E27" s="3" t="s">
        <v>7</v>
      </c>
      <c r="F27" s="3" t="s">
        <v>7</v>
      </c>
      <c r="G27" s="3" t="s">
        <v>7</v>
      </c>
      <c r="H27" s="12">
        <v>0</v>
      </c>
      <c r="I27" s="3" t="s">
        <v>7</v>
      </c>
      <c r="J27" s="11">
        <v>0</v>
      </c>
      <c r="K27" s="11">
        <v>0</v>
      </c>
      <c r="L27" s="12">
        <v>0</v>
      </c>
      <c r="M27" s="3" t="s">
        <v>7</v>
      </c>
      <c r="N27" s="12">
        <v>0</v>
      </c>
      <c r="O27" s="12">
        <v>0</v>
      </c>
      <c r="P27" s="3" t="s">
        <v>7</v>
      </c>
      <c r="Q27" s="11">
        <v>0</v>
      </c>
      <c r="R27" s="11">
        <v>0</v>
      </c>
      <c r="S27" s="3" t="s">
        <v>7</v>
      </c>
    </row>
    <row r="28" spans="1:19" x14ac:dyDescent="0.2">
      <c r="A28" s="3" t="s">
        <v>7</v>
      </c>
      <c r="B28" s="3" t="s">
        <v>128</v>
      </c>
      <c r="C28" s="3" t="s">
        <v>7</v>
      </c>
      <c r="D28" s="3" t="s">
        <v>7</v>
      </c>
      <c r="E28" s="3" t="s">
        <v>7</v>
      </c>
      <c r="F28" s="3" t="s">
        <v>7</v>
      </c>
      <c r="G28" s="3" t="s">
        <v>7</v>
      </c>
      <c r="H28" s="12">
        <v>0</v>
      </c>
      <c r="I28" s="3" t="s">
        <v>7</v>
      </c>
      <c r="J28" s="11">
        <v>0</v>
      </c>
      <c r="K28" s="11">
        <v>0</v>
      </c>
      <c r="L28" s="12">
        <v>0</v>
      </c>
      <c r="M28" s="3" t="s">
        <v>7</v>
      </c>
      <c r="N28" s="12">
        <v>0</v>
      </c>
      <c r="O28" s="12">
        <v>0</v>
      </c>
      <c r="P28" s="3" t="s">
        <v>7</v>
      </c>
      <c r="Q28" s="11">
        <v>0</v>
      </c>
      <c r="R28" s="11">
        <v>0</v>
      </c>
      <c r="S28" s="3" t="s">
        <v>7</v>
      </c>
    </row>
    <row r="29" spans="1:19" x14ac:dyDescent="0.2">
      <c r="A29" s="8" t="s">
        <v>7</v>
      </c>
      <c r="B29" s="8" t="s">
        <v>90</v>
      </c>
      <c r="C29" s="8" t="s">
        <v>7</v>
      </c>
      <c r="D29" s="8" t="s">
        <v>7</v>
      </c>
      <c r="E29" s="8" t="s">
        <v>7</v>
      </c>
      <c r="F29" s="8" t="s">
        <v>7</v>
      </c>
      <c r="G29" s="8" t="s">
        <v>7</v>
      </c>
      <c r="H29" s="8" t="s">
        <v>7</v>
      </c>
      <c r="I29" s="8" t="s">
        <v>7</v>
      </c>
      <c r="J29" s="8" t="s">
        <v>7</v>
      </c>
      <c r="K29" s="8" t="s">
        <v>7</v>
      </c>
      <c r="L29" s="8" t="s">
        <v>7</v>
      </c>
      <c r="M29" s="8" t="s">
        <v>7</v>
      </c>
      <c r="N29" s="8" t="s">
        <v>7</v>
      </c>
      <c r="O29" s="8" t="s">
        <v>7</v>
      </c>
      <c r="P29" s="8" t="s">
        <v>7</v>
      </c>
      <c r="Q29" s="8" t="s">
        <v>7</v>
      </c>
      <c r="R29" s="8" t="s">
        <v>7</v>
      </c>
      <c r="S29" s="8" t="s">
        <v>7</v>
      </c>
    </row>
    <row r="30" spans="1:19" x14ac:dyDescent="0.2">
      <c r="A30" s="8" t="s">
        <v>7</v>
      </c>
      <c r="B30" s="8" t="s">
        <v>129</v>
      </c>
      <c r="C30" s="8" t="s">
        <v>7</v>
      </c>
      <c r="D30" s="8" t="s">
        <v>7</v>
      </c>
      <c r="E30" s="8" t="s">
        <v>7</v>
      </c>
      <c r="F30" s="8" t="s">
        <v>7</v>
      </c>
      <c r="G30" s="8" t="s">
        <v>7</v>
      </c>
      <c r="H30" s="8" t="s">
        <v>7</v>
      </c>
      <c r="I30" s="8" t="s">
        <v>7</v>
      </c>
      <c r="J30" s="8" t="s">
        <v>7</v>
      </c>
      <c r="K30" s="8" t="s">
        <v>7</v>
      </c>
      <c r="L30" s="8" t="s">
        <v>7</v>
      </c>
      <c r="M30" s="8" t="s">
        <v>7</v>
      </c>
      <c r="N30" s="8" t="s">
        <v>7</v>
      </c>
      <c r="O30" s="8" t="s">
        <v>7</v>
      </c>
      <c r="P30" s="8" t="s">
        <v>7</v>
      </c>
      <c r="Q30" s="8" t="s">
        <v>7</v>
      </c>
      <c r="R30" s="8" t="s">
        <v>7</v>
      </c>
      <c r="S30" s="8" t="s">
        <v>7</v>
      </c>
    </row>
    <row r="31" spans="1:19" x14ac:dyDescent="0.2">
      <c r="A31" s="7" t="s">
        <v>52</v>
      </c>
      <c r="B31" s="7" t="s">
        <v>53</v>
      </c>
    </row>
  </sheetData>
  <pageMargins left="0.7" right="0.7" top="0.75" bottom="0.75" header="0.3" footer="0.3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9"/>
  <sheetViews>
    <sheetView rightToLeft="1" tabSelected="1" workbookViewId="0">
      <selection activeCell="B2" sqref="B2"/>
    </sheetView>
  </sheetViews>
  <sheetFormatPr defaultRowHeight="14.25" x14ac:dyDescent="0.2"/>
  <cols>
    <col min="1" max="1" width="2" customWidth="1"/>
    <col min="2" max="2" width="35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</cols>
  <sheetData>
    <row r="1" spans="1:16" x14ac:dyDescent="0.2">
      <c r="B1" s="7" t="s">
        <v>0</v>
      </c>
      <c r="C1" s="7" t="s">
        <v>1</v>
      </c>
    </row>
    <row r="2" spans="1:16" x14ac:dyDescent="0.2">
      <c r="B2" s="7" t="s">
        <v>2</v>
      </c>
      <c r="C2" s="7" t="s">
        <v>3</v>
      </c>
    </row>
    <row r="3" spans="1:16" x14ac:dyDescent="0.2">
      <c r="B3" s="7" t="s">
        <v>4</v>
      </c>
      <c r="C3" s="7" t="s">
        <v>5</v>
      </c>
    </row>
    <row r="4" spans="1:16" x14ac:dyDescent="0.2">
      <c r="B4" s="7" t="s">
        <v>384</v>
      </c>
      <c r="C4" s="7">
        <v>1476</v>
      </c>
    </row>
    <row r="5" spans="1:16" x14ac:dyDescent="0.2">
      <c r="B5" s="7" t="s">
        <v>7</v>
      </c>
      <c r="C5" s="7" t="s">
        <v>7</v>
      </c>
    </row>
    <row r="6" spans="1:16" x14ac:dyDescent="0.2">
      <c r="A6" s="1" t="s">
        <v>7</v>
      </c>
      <c r="B6" s="1" t="s">
        <v>37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1:16" x14ac:dyDescent="0.2">
      <c r="A7" s="1" t="s">
        <v>7</v>
      </c>
      <c r="B7" s="1" t="s">
        <v>55</v>
      </c>
      <c r="C7" s="1" t="s">
        <v>56</v>
      </c>
      <c r="D7" s="1" t="s">
        <v>132</v>
      </c>
      <c r="E7" s="1" t="s">
        <v>58</v>
      </c>
      <c r="F7" s="1" t="s">
        <v>59</v>
      </c>
      <c r="G7" s="1" t="s">
        <v>94</v>
      </c>
      <c r="H7" s="1" t="s">
        <v>95</v>
      </c>
      <c r="I7" s="1" t="s">
        <v>60</v>
      </c>
      <c r="J7" s="1" t="s">
        <v>61</v>
      </c>
      <c r="K7" s="1" t="s">
        <v>367</v>
      </c>
      <c r="L7" s="1" t="s">
        <v>96</v>
      </c>
      <c r="M7" s="1" t="s">
        <v>368</v>
      </c>
      <c r="N7" s="1" t="s">
        <v>99</v>
      </c>
      <c r="O7" s="1" t="s">
        <v>64</v>
      </c>
      <c r="P7" s="1" t="s">
        <v>100</v>
      </c>
    </row>
    <row r="8" spans="1:16" x14ac:dyDescent="0.2">
      <c r="A8" s="1" t="s">
        <v>7</v>
      </c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43</v>
      </c>
      <c r="H8" s="1" t="s">
        <v>101</v>
      </c>
      <c r="I8" s="1" t="s">
        <v>7</v>
      </c>
      <c r="J8" s="1" t="s">
        <v>12</v>
      </c>
      <c r="K8" s="1" t="s">
        <v>12</v>
      </c>
      <c r="L8" s="1" t="s">
        <v>144</v>
      </c>
      <c r="M8" s="1" t="s">
        <v>11</v>
      </c>
      <c r="N8" s="1" t="s">
        <v>12</v>
      </c>
      <c r="O8" s="1" t="s">
        <v>12</v>
      </c>
      <c r="P8" s="1" t="s">
        <v>12</v>
      </c>
    </row>
    <row r="9" spans="1:16" x14ac:dyDescent="0.2">
      <c r="A9" s="1" t="s">
        <v>7</v>
      </c>
      <c r="B9" s="1" t="s">
        <v>7</v>
      </c>
      <c r="C9" s="1" t="s">
        <v>13</v>
      </c>
      <c r="D9" s="1" t="s">
        <v>14</v>
      </c>
      <c r="E9" s="1" t="s">
        <v>66</v>
      </c>
      <c r="F9" s="1" t="s">
        <v>67</v>
      </c>
      <c r="G9" s="1" t="s">
        <v>68</v>
      </c>
      <c r="H9" s="1" t="s">
        <v>69</v>
      </c>
      <c r="I9" s="1" t="s">
        <v>70</v>
      </c>
      <c r="J9" s="1" t="s">
        <v>71</v>
      </c>
      <c r="K9" s="1" t="s">
        <v>72</v>
      </c>
      <c r="L9" s="1" t="s">
        <v>73</v>
      </c>
      <c r="M9" s="1" t="s">
        <v>104</v>
      </c>
      <c r="N9" s="1" t="s">
        <v>105</v>
      </c>
      <c r="O9" s="1" t="s">
        <v>106</v>
      </c>
      <c r="P9" s="1" t="s">
        <v>107</v>
      </c>
    </row>
    <row r="10" spans="1:16" x14ac:dyDescent="0.2">
      <c r="A10" s="8" t="s">
        <v>7</v>
      </c>
      <c r="B10" s="8" t="s">
        <v>376</v>
      </c>
      <c r="C10" s="8" t="s">
        <v>7</v>
      </c>
      <c r="D10" s="8" t="s">
        <v>7</v>
      </c>
      <c r="E10" s="8" t="s">
        <v>7</v>
      </c>
      <c r="F10" s="8" t="s">
        <v>7</v>
      </c>
      <c r="G10" s="8" t="s">
        <v>7</v>
      </c>
      <c r="H10" s="8" t="s">
        <v>7</v>
      </c>
      <c r="I10" s="8" t="s">
        <v>7</v>
      </c>
      <c r="J10" s="8" t="s">
        <v>7</v>
      </c>
      <c r="K10" s="8" t="s">
        <v>7</v>
      </c>
      <c r="L10" s="8" t="s">
        <v>7</v>
      </c>
      <c r="M10" s="8" t="s">
        <v>7</v>
      </c>
      <c r="N10" s="8" t="s">
        <v>7</v>
      </c>
      <c r="O10" s="8" t="s">
        <v>7</v>
      </c>
      <c r="P10" s="8" t="s">
        <v>7</v>
      </c>
    </row>
    <row r="11" spans="1:16" x14ac:dyDescent="0.2">
      <c r="A11" s="3" t="s">
        <v>7</v>
      </c>
      <c r="B11" s="3" t="s">
        <v>374</v>
      </c>
      <c r="C11" s="3" t="s">
        <v>7</v>
      </c>
      <c r="D11" s="3" t="s">
        <v>7</v>
      </c>
      <c r="E11" s="3" t="s">
        <v>7</v>
      </c>
      <c r="F11" s="3" t="s">
        <v>7</v>
      </c>
      <c r="G11" s="3" t="s">
        <v>7</v>
      </c>
      <c r="H11" s="3" t="s">
        <v>7</v>
      </c>
      <c r="I11" s="3" t="s">
        <v>7</v>
      </c>
      <c r="J11" s="3" t="s">
        <v>7</v>
      </c>
      <c r="K11" s="3" t="s">
        <v>7</v>
      </c>
      <c r="L11" s="3" t="s">
        <v>7</v>
      </c>
      <c r="M11" s="3" t="s">
        <v>7</v>
      </c>
      <c r="N11" s="3" t="s">
        <v>7</v>
      </c>
      <c r="O11" s="3" t="s">
        <v>7</v>
      </c>
      <c r="P11" s="3" t="s">
        <v>7</v>
      </c>
    </row>
    <row r="12" spans="1:16" x14ac:dyDescent="0.2">
      <c r="A12" s="3" t="s">
        <v>7</v>
      </c>
      <c r="B12" s="3" t="s">
        <v>137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3" t="s">
        <v>7</v>
      </c>
      <c r="J12" s="3" t="s">
        <v>7</v>
      </c>
      <c r="K12" s="3" t="s">
        <v>7</v>
      </c>
      <c r="L12" s="3" t="s">
        <v>7</v>
      </c>
      <c r="M12" s="3" t="s">
        <v>7</v>
      </c>
      <c r="N12" s="3" t="s">
        <v>7</v>
      </c>
      <c r="O12" s="3" t="s">
        <v>7</v>
      </c>
      <c r="P12" s="3" t="s">
        <v>7</v>
      </c>
    </row>
    <row r="13" spans="1:16" x14ac:dyDescent="0.2">
      <c r="A13" s="3" t="s">
        <v>7</v>
      </c>
      <c r="B13" s="3" t="s">
        <v>121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3" t="s">
        <v>7</v>
      </c>
      <c r="J13" s="3" t="s">
        <v>7</v>
      </c>
      <c r="K13" s="3" t="s">
        <v>7</v>
      </c>
      <c r="L13" s="3" t="s">
        <v>7</v>
      </c>
      <c r="M13" s="3" t="s">
        <v>7</v>
      </c>
      <c r="N13" s="3" t="s">
        <v>7</v>
      </c>
      <c r="O13" s="3" t="s">
        <v>7</v>
      </c>
      <c r="P13" s="3" t="s">
        <v>7</v>
      </c>
    </row>
    <row r="14" spans="1:16" x14ac:dyDescent="0.2">
      <c r="A14" s="3" t="s">
        <v>7</v>
      </c>
      <c r="B14" s="3" t="s">
        <v>343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3" t="s">
        <v>7</v>
      </c>
      <c r="I14" s="3" t="s">
        <v>7</v>
      </c>
      <c r="J14" s="3" t="s">
        <v>7</v>
      </c>
      <c r="K14" s="3" t="s">
        <v>7</v>
      </c>
      <c r="L14" s="3" t="s">
        <v>7</v>
      </c>
      <c r="M14" s="3" t="s">
        <v>7</v>
      </c>
      <c r="N14" s="3" t="s">
        <v>7</v>
      </c>
      <c r="O14" s="3" t="s">
        <v>7</v>
      </c>
      <c r="P14" s="3" t="s">
        <v>7</v>
      </c>
    </row>
    <row r="15" spans="1:16" x14ac:dyDescent="0.2">
      <c r="A15" s="3" t="s">
        <v>7</v>
      </c>
      <c r="B15" s="3" t="s">
        <v>235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3" t="s">
        <v>7</v>
      </c>
      <c r="I15" s="3" t="s">
        <v>7</v>
      </c>
      <c r="J15" s="3" t="s">
        <v>7</v>
      </c>
      <c r="K15" s="3" t="s">
        <v>7</v>
      </c>
      <c r="L15" s="3" t="s">
        <v>7</v>
      </c>
      <c r="M15" s="3" t="s">
        <v>7</v>
      </c>
      <c r="N15" s="3" t="s">
        <v>7</v>
      </c>
      <c r="O15" s="3" t="s">
        <v>7</v>
      </c>
      <c r="P15" s="3" t="s">
        <v>7</v>
      </c>
    </row>
    <row r="16" spans="1:16" x14ac:dyDescent="0.2">
      <c r="A16" s="3" t="s">
        <v>7</v>
      </c>
      <c r="B16" s="3" t="s">
        <v>371</v>
      </c>
      <c r="C16" s="3" t="s">
        <v>7</v>
      </c>
      <c r="D16" s="3" t="s">
        <v>7</v>
      </c>
      <c r="E16" s="3" t="s">
        <v>7</v>
      </c>
      <c r="F16" s="3" t="s">
        <v>7</v>
      </c>
      <c r="G16" s="3" t="s">
        <v>7</v>
      </c>
      <c r="H16" s="3" t="s">
        <v>7</v>
      </c>
      <c r="I16" s="3" t="s">
        <v>7</v>
      </c>
      <c r="J16" s="3" t="s">
        <v>7</v>
      </c>
      <c r="K16" s="3" t="s">
        <v>7</v>
      </c>
      <c r="L16" s="3" t="s">
        <v>7</v>
      </c>
      <c r="M16" s="3" t="s">
        <v>7</v>
      </c>
      <c r="N16" s="3" t="s">
        <v>7</v>
      </c>
      <c r="O16" s="3" t="s">
        <v>7</v>
      </c>
      <c r="P16" s="3" t="s">
        <v>7</v>
      </c>
    </row>
    <row r="17" spans="1:16" x14ac:dyDescent="0.2">
      <c r="A17" s="3" t="s">
        <v>7</v>
      </c>
      <c r="B17" s="3" t="s">
        <v>140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3" t="s">
        <v>7</v>
      </c>
      <c r="I17" s="3" t="s">
        <v>7</v>
      </c>
      <c r="J17" s="3" t="s">
        <v>7</v>
      </c>
      <c r="K17" s="3" t="s">
        <v>7</v>
      </c>
      <c r="L17" s="3" t="s">
        <v>7</v>
      </c>
      <c r="M17" s="3" t="s">
        <v>7</v>
      </c>
      <c r="N17" s="3" t="s">
        <v>7</v>
      </c>
      <c r="O17" s="3" t="s">
        <v>7</v>
      </c>
      <c r="P17" s="3" t="s">
        <v>7</v>
      </c>
    </row>
    <row r="18" spans="1:16" x14ac:dyDescent="0.2">
      <c r="A18" s="3" t="s">
        <v>7</v>
      </c>
      <c r="B18" s="3" t="s">
        <v>377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3" t="s">
        <v>7</v>
      </c>
      <c r="I18" s="3" t="s">
        <v>7</v>
      </c>
      <c r="J18" s="3" t="s">
        <v>7</v>
      </c>
      <c r="K18" s="3" t="s">
        <v>7</v>
      </c>
      <c r="L18" s="3" t="s">
        <v>7</v>
      </c>
      <c r="M18" s="3" t="s">
        <v>7</v>
      </c>
      <c r="N18" s="3" t="s">
        <v>7</v>
      </c>
      <c r="O18" s="3" t="s">
        <v>7</v>
      </c>
      <c r="P18" s="3" t="s">
        <v>7</v>
      </c>
    </row>
    <row r="19" spans="1:16" x14ac:dyDescent="0.2">
      <c r="A19" s="7" t="s">
        <v>319</v>
      </c>
      <c r="B19" s="7" t="s">
        <v>53</v>
      </c>
    </row>
  </sheetData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21"/>
  <sheetViews>
    <sheetView rightToLeft="1" workbookViewId="0"/>
  </sheetViews>
  <sheetFormatPr defaultRowHeight="14.25" x14ac:dyDescent="0.2"/>
  <cols>
    <col min="1" max="1" width="2" customWidth="1"/>
    <col min="2" max="2" width="34" customWidth="1"/>
    <col min="3" max="5" width="11" customWidth="1"/>
    <col min="6" max="6" width="12" customWidth="1"/>
    <col min="7" max="7" width="10" customWidth="1"/>
    <col min="8" max="8" width="7" customWidth="1"/>
    <col min="9" max="9" width="9" customWidth="1"/>
    <col min="10" max="10" width="13" customWidth="1"/>
    <col min="11" max="11" width="6" customWidth="1"/>
    <col min="12" max="12" width="10" customWidth="1"/>
    <col min="13" max="13" width="13" customWidth="1"/>
    <col min="14" max="14" width="15" customWidth="1"/>
    <col min="15" max="15" width="10" customWidth="1"/>
    <col min="16" max="16" width="8" customWidth="1"/>
    <col min="17" max="17" width="18" customWidth="1"/>
    <col min="18" max="18" width="10" customWidth="1"/>
    <col min="19" max="19" width="22" customWidth="1"/>
    <col min="20" max="20" width="24" customWidth="1"/>
    <col min="21" max="21" width="23" customWidth="1"/>
    <col min="22" max="22" width="2" customWidth="1"/>
  </cols>
  <sheetData>
    <row r="1" spans="1:22" x14ac:dyDescent="0.2">
      <c r="B1" s="7" t="s">
        <v>0</v>
      </c>
      <c r="C1" s="7" t="s">
        <v>1</v>
      </c>
    </row>
    <row r="2" spans="1:22" x14ac:dyDescent="0.2">
      <c r="B2" s="7" t="s">
        <v>2</v>
      </c>
      <c r="C2" s="7" t="s">
        <v>3</v>
      </c>
    </row>
    <row r="3" spans="1:22" x14ac:dyDescent="0.2">
      <c r="B3" s="7" t="s">
        <v>4</v>
      </c>
      <c r="C3" s="7" t="s">
        <v>5</v>
      </c>
    </row>
    <row r="4" spans="1:22" x14ac:dyDescent="0.2">
      <c r="B4" s="7" t="s">
        <v>6</v>
      </c>
      <c r="C4" s="7">
        <v>1476</v>
      </c>
    </row>
    <row r="5" spans="1:22" x14ac:dyDescent="0.2">
      <c r="B5" s="7" t="s">
        <v>7</v>
      </c>
      <c r="C5" s="7" t="s">
        <v>7</v>
      </c>
    </row>
    <row r="6" spans="1:22" x14ac:dyDescent="0.2">
      <c r="A6" s="1" t="s">
        <v>7</v>
      </c>
      <c r="B6" s="1" t="s">
        <v>9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  <c r="U6" s="1" t="s">
        <v>7</v>
      </c>
      <c r="V6" s="1" t="s">
        <v>7</v>
      </c>
    </row>
    <row r="7" spans="1:22" x14ac:dyDescent="0.2">
      <c r="A7" s="1" t="s">
        <v>7</v>
      </c>
      <c r="B7" s="1" t="s">
        <v>130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  <c r="U7" s="1" t="s">
        <v>7</v>
      </c>
      <c r="V7" s="1" t="s">
        <v>7</v>
      </c>
    </row>
    <row r="8" spans="1:22" x14ac:dyDescent="0.2">
      <c r="A8" s="1" t="s">
        <v>7</v>
      </c>
      <c r="B8" s="1" t="s">
        <v>55</v>
      </c>
      <c r="C8" s="1" t="s">
        <v>56</v>
      </c>
      <c r="D8" s="1" t="s">
        <v>93</v>
      </c>
      <c r="E8" s="1" t="s">
        <v>131</v>
      </c>
      <c r="F8" s="1" t="s">
        <v>57</v>
      </c>
      <c r="G8" s="1" t="s">
        <v>132</v>
      </c>
      <c r="H8" s="1" t="s">
        <v>58</v>
      </c>
      <c r="I8" s="1" t="s">
        <v>59</v>
      </c>
      <c r="J8" s="1" t="s">
        <v>94</v>
      </c>
      <c r="K8" s="1" t="s">
        <v>95</v>
      </c>
      <c r="L8" s="1" t="s">
        <v>60</v>
      </c>
      <c r="M8" s="1" t="s">
        <v>61</v>
      </c>
      <c r="N8" s="1" t="s">
        <v>62</v>
      </c>
      <c r="O8" s="1" t="s">
        <v>96</v>
      </c>
      <c r="P8" s="1" t="s">
        <v>97</v>
      </c>
      <c r="Q8" s="1" t="s">
        <v>98</v>
      </c>
      <c r="R8" s="1" t="s">
        <v>63</v>
      </c>
      <c r="S8" s="1" t="s">
        <v>99</v>
      </c>
      <c r="T8" s="1" t="s">
        <v>64</v>
      </c>
      <c r="U8" s="1" t="s">
        <v>100</v>
      </c>
      <c r="V8" s="1" t="s">
        <v>7</v>
      </c>
    </row>
    <row r="9" spans="1:22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7</v>
      </c>
      <c r="K9" s="1" t="s">
        <v>101</v>
      </c>
      <c r="L9" s="1" t="s">
        <v>7</v>
      </c>
      <c r="M9" s="1" t="s">
        <v>12</v>
      </c>
      <c r="N9" s="1" t="s">
        <v>12</v>
      </c>
      <c r="O9" s="1" t="s">
        <v>102</v>
      </c>
      <c r="P9" s="1" t="s">
        <v>103</v>
      </c>
      <c r="Q9" s="1" t="s">
        <v>11</v>
      </c>
      <c r="R9" s="1" t="s">
        <v>11</v>
      </c>
      <c r="S9" s="1" t="s">
        <v>12</v>
      </c>
      <c r="T9" s="1" t="s">
        <v>12</v>
      </c>
      <c r="U9" s="1" t="s">
        <v>12</v>
      </c>
      <c r="V9" s="1" t="s">
        <v>7</v>
      </c>
    </row>
    <row r="10" spans="1:22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104</v>
      </c>
      <c r="N10" s="1" t="s">
        <v>105</v>
      </c>
      <c r="O10" s="1" t="s">
        <v>106</v>
      </c>
      <c r="P10" s="1" t="s">
        <v>107</v>
      </c>
      <c r="Q10" s="1" t="s">
        <v>108</v>
      </c>
      <c r="R10" s="1" t="s">
        <v>109</v>
      </c>
      <c r="S10" s="1" t="s">
        <v>133</v>
      </c>
      <c r="T10" s="1" t="s">
        <v>134</v>
      </c>
      <c r="U10" s="1" t="s">
        <v>135</v>
      </c>
      <c r="V10" s="1" t="s">
        <v>7</v>
      </c>
    </row>
    <row r="11" spans="1:22" x14ac:dyDescent="0.2">
      <c r="A11" s="8" t="s">
        <v>7</v>
      </c>
      <c r="B11" s="8" t="s">
        <v>136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8" t="s">
        <v>7</v>
      </c>
      <c r="I11" s="8" t="s">
        <v>7</v>
      </c>
      <c r="J11" s="8" t="s">
        <v>7</v>
      </c>
      <c r="K11" s="10">
        <v>0</v>
      </c>
      <c r="L11" s="8" t="s">
        <v>7</v>
      </c>
      <c r="M11" s="9">
        <v>0</v>
      </c>
      <c r="N11" s="9">
        <v>0</v>
      </c>
      <c r="O11" s="10">
        <v>0</v>
      </c>
      <c r="P11" s="8" t="s">
        <v>7</v>
      </c>
      <c r="Q11" s="10">
        <v>0</v>
      </c>
      <c r="R11" s="10">
        <v>0</v>
      </c>
      <c r="S11" s="8" t="s">
        <v>7</v>
      </c>
      <c r="T11" s="9">
        <v>0</v>
      </c>
      <c r="U11" s="9">
        <v>0</v>
      </c>
      <c r="V11" s="8" t="s">
        <v>7</v>
      </c>
    </row>
    <row r="12" spans="1:22" x14ac:dyDescent="0.2">
      <c r="A12" s="3" t="s">
        <v>7</v>
      </c>
      <c r="B12" s="3" t="s">
        <v>75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3" t="s">
        <v>7</v>
      </c>
      <c r="J12" s="3" t="s">
        <v>7</v>
      </c>
      <c r="K12" s="12">
        <v>0</v>
      </c>
      <c r="L12" s="3" t="s">
        <v>7</v>
      </c>
      <c r="M12" s="11">
        <v>0</v>
      </c>
      <c r="N12" s="11">
        <v>0</v>
      </c>
      <c r="O12" s="12">
        <v>0</v>
      </c>
      <c r="P12" s="3" t="s">
        <v>7</v>
      </c>
      <c r="Q12" s="12">
        <v>0</v>
      </c>
      <c r="R12" s="12">
        <v>0</v>
      </c>
      <c r="S12" s="3" t="s">
        <v>7</v>
      </c>
      <c r="T12" s="11">
        <v>0</v>
      </c>
      <c r="U12" s="11">
        <v>0</v>
      </c>
      <c r="V12" s="3" t="s">
        <v>7</v>
      </c>
    </row>
    <row r="13" spans="1:22" x14ac:dyDescent="0.2">
      <c r="A13" s="3" t="s">
        <v>7</v>
      </c>
      <c r="B13" s="3" t="s">
        <v>137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3" t="s">
        <v>7</v>
      </c>
      <c r="J13" s="3" t="s">
        <v>7</v>
      </c>
      <c r="K13" s="12">
        <v>0</v>
      </c>
      <c r="L13" s="3" t="s">
        <v>7</v>
      </c>
      <c r="M13" s="11">
        <v>0</v>
      </c>
      <c r="N13" s="11">
        <v>0</v>
      </c>
      <c r="O13" s="12">
        <v>0</v>
      </c>
      <c r="P13" s="3" t="s">
        <v>7</v>
      </c>
      <c r="Q13" s="12">
        <v>0</v>
      </c>
      <c r="R13" s="12">
        <v>0</v>
      </c>
      <c r="S13" s="3" t="s">
        <v>7</v>
      </c>
      <c r="T13" s="11">
        <v>0</v>
      </c>
      <c r="U13" s="11">
        <v>0</v>
      </c>
      <c r="V13" s="3" t="s">
        <v>7</v>
      </c>
    </row>
    <row r="14" spans="1:22" x14ac:dyDescent="0.2">
      <c r="A14" s="3" t="s">
        <v>7</v>
      </c>
      <c r="B14" s="3" t="s">
        <v>121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3" t="s">
        <v>7</v>
      </c>
      <c r="I14" s="3" t="s">
        <v>7</v>
      </c>
      <c r="J14" s="3" t="s">
        <v>7</v>
      </c>
      <c r="K14" s="12">
        <v>0</v>
      </c>
      <c r="L14" s="3" t="s">
        <v>7</v>
      </c>
      <c r="M14" s="11">
        <v>0</v>
      </c>
      <c r="N14" s="11">
        <v>0</v>
      </c>
      <c r="O14" s="12">
        <v>0</v>
      </c>
      <c r="P14" s="3" t="s">
        <v>7</v>
      </c>
      <c r="Q14" s="12">
        <v>0</v>
      </c>
      <c r="R14" s="12">
        <v>0</v>
      </c>
      <c r="S14" s="3" t="s">
        <v>7</v>
      </c>
      <c r="T14" s="11">
        <v>0</v>
      </c>
      <c r="U14" s="11">
        <v>0</v>
      </c>
      <c r="V14" s="3" t="s">
        <v>7</v>
      </c>
    </row>
    <row r="15" spans="1:22" x14ac:dyDescent="0.2">
      <c r="A15" s="3" t="s">
        <v>7</v>
      </c>
      <c r="B15" s="3" t="s">
        <v>138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3" t="s">
        <v>7</v>
      </c>
      <c r="I15" s="3" t="s">
        <v>7</v>
      </c>
      <c r="J15" s="3" t="s">
        <v>7</v>
      </c>
      <c r="K15" s="12">
        <v>0</v>
      </c>
      <c r="L15" s="3" t="s">
        <v>7</v>
      </c>
      <c r="M15" s="11">
        <v>0</v>
      </c>
      <c r="N15" s="11">
        <v>0</v>
      </c>
      <c r="O15" s="12">
        <v>0</v>
      </c>
      <c r="P15" s="3" t="s">
        <v>7</v>
      </c>
      <c r="Q15" s="12">
        <v>0</v>
      </c>
      <c r="R15" s="12">
        <v>0</v>
      </c>
      <c r="S15" s="3" t="s">
        <v>7</v>
      </c>
      <c r="T15" s="11">
        <v>0</v>
      </c>
      <c r="U15" s="11">
        <v>0</v>
      </c>
      <c r="V15" s="3" t="s">
        <v>7</v>
      </c>
    </row>
    <row r="16" spans="1:22" x14ac:dyDescent="0.2">
      <c r="A16" s="3" t="s">
        <v>7</v>
      </c>
      <c r="B16" s="3" t="s">
        <v>139</v>
      </c>
      <c r="C16" s="3" t="s">
        <v>7</v>
      </c>
      <c r="D16" s="3" t="s">
        <v>7</v>
      </c>
      <c r="E16" s="3" t="s">
        <v>7</v>
      </c>
      <c r="F16" s="3" t="s">
        <v>7</v>
      </c>
      <c r="G16" s="3" t="s">
        <v>7</v>
      </c>
      <c r="H16" s="3" t="s">
        <v>7</v>
      </c>
      <c r="I16" s="3" t="s">
        <v>7</v>
      </c>
      <c r="J16" s="3" t="s">
        <v>7</v>
      </c>
      <c r="K16" s="12">
        <v>0</v>
      </c>
      <c r="L16" s="3" t="s">
        <v>7</v>
      </c>
      <c r="M16" s="11">
        <v>0</v>
      </c>
      <c r="N16" s="11">
        <v>0</v>
      </c>
      <c r="O16" s="12">
        <v>0</v>
      </c>
      <c r="P16" s="3" t="s">
        <v>7</v>
      </c>
      <c r="Q16" s="12">
        <v>0</v>
      </c>
      <c r="R16" s="12">
        <v>0</v>
      </c>
      <c r="S16" s="3" t="s">
        <v>7</v>
      </c>
      <c r="T16" s="11">
        <v>0</v>
      </c>
      <c r="U16" s="11">
        <v>0</v>
      </c>
      <c r="V16" s="3" t="s">
        <v>7</v>
      </c>
    </row>
    <row r="17" spans="1:22" x14ac:dyDescent="0.2">
      <c r="A17" s="3" t="s">
        <v>7</v>
      </c>
      <c r="B17" s="3" t="s">
        <v>140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3" t="s">
        <v>7</v>
      </c>
      <c r="I17" s="3" t="s">
        <v>7</v>
      </c>
      <c r="J17" s="3" t="s">
        <v>7</v>
      </c>
      <c r="K17" s="12">
        <v>0</v>
      </c>
      <c r="L17" s="3" t="s">
        <v>7</v>
      </c>
      <c r="M17" s="11">
        <v>0</v>
      </c>
      <c r="N17" s="11">
        <v>0</v>
      </c>
      <c r="O17" s="12">
        <v>0</v>
      </c>
      <c r="P17" s="3" t="s">
        <v>7</v>
      </c>
      <c r="Q17" s="12">
        <v>0</v>
      </c>
      <c r="R17" s="12">
        <v>0</v>
      </c>
      <c r="S17" s="3" t="s">
        <v>7</v>
      </c>
      <c r="T17" s="11">
        <v>0</v>
      </c>
      <c r="U17" s="11">
        <v>0</v>
      </c>
      <c r="V17" s="3" t="s">
        <v>7</v>
      </c>
    </row>
    <row r="18" spans="1:22" x14ac:dyDescent="0.2">
      <c r="A18" s="3" t="s">
        <v>7</v>
      </c>
      <c r="B18" s="3" t="s">
        <v>141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3" t="s">
        <v>7</v>
      </c>
      <c r="I18" s="3" t="s">
        <v>7</v>
      </c>
      <c r="J18" s="3" t="s">
        <v>7</v>
      </c>
      <c r="K18" s="12">
        <v>0</v>
      </c>
      <c r="L18" s="3" t="s">
        <v>7</v>
      </c>
      <c r="M18" s="11">
        <v>0</v>
      </c>
      <c r="N18" s="11">
        <v>0</v>
      </c>
      <c r="O18" s="12">
        <v>0</v>
      </c>
      <c r="P18" s="3" t="s">
        <v>7</v>
      </c>
      <c r="Q18" s="12">
        <v>0</v>
      </c>
      <c r="R18" s="12">
        <v>0</v>
      </c>
      <c r="S18" s="3" t="s">
        <v>7</v>
      </c>
      <c r="T18" s="11">
        <v>0</v>
      </c>
      <c r="U18" s="11">
        <v>0</v>
      </c>
      <c r="V18" s="3" t="s">
        <v>7</v>
      </c>
    </row>
    <row r="19" spans="1:22" x14ac:dyDescent="0.2">
      <c r="A19" s="8" t="s">
        <v>7</v>
      </c>
      <c r="B19" s="8" t="s">
        <v>90</v>
      </c>
      <c r="C19" s="8" t="s">
        <v>7</v>
      </c>
      <c r="D19" s="8" t="s">
        <v>7</v>
      </c>
      <c r="E19" s="8" t="s">
        <v>7</v>
      </c>
      <c r="F19" s="8" t="s">
        <v>7</v>
      </c>
      <c r="G19" s="8" t="s">
        <v>7</v>
      </c>
      <c r="H19" s="8" t="s">
        <v>7</v>
      </c>
      <c r="I19" s="8" t="s">
        <v>7</v>
      </c>
      <c r="J19" s="8" t="s">
        <v>7</v>
      </c>
      <c r="K19" s="8" t="s">
        <v>7</v>
      </c>
      <c r="L19" s="8" t="s">
        <v>7</v>
      </c>
      <c r="M19" s="8" t="s">
        <v>7</v>
      </c>
      <c r="N19" s="8" t="s">
        <v>7</v>
      </c>
      <c r="O19" s="8" t="s">
        <v>7</v>
      </c>
      <c r="P19" s="8" t="s">
        <v>7</v>
      </c>
      <c r="Q19" s="8" t="s">
        <v>7</v>
      </c>
      <c r="R19" s="8" t="s">
        <v>7</v>
      </c>
      <c r="S19" s="8" t="s">
        <v>7</v>
      </c>
      <c r="T19" s="8" t="s">
        <v>7</v>
      </c>
      <c r="U19" s="8" t="s">
        <v>7</v>
      </c>
      <c r="V19" s="8" t="s">
        <v>7</v>
      </c>
    </row>
    <row r="20" spans="1:22" x14ac:dyDescent="0.2">
      <c r="A20" s="8" t="s">
        <v>7</v>
      </c>
      <c r="B20" s="8" t="s">
        <v>129</v>
      </c>
      <c r="C20" s="8" t="s">
        <v>7</v>
      </c>
      <c r="D20" s="8" t="s">
        <v>7</v>
      </c>
      <c r="E20" s="8" t="s">
        <v>7</v>
      </c>
      <c r="F20" s="8" t="s">
        <v>7</v>
      </c>
      <c r="G20" s="8" t="s">
        <v>7</v>
      </c>
      <c r="H20" s="8" t="s">
        <v>7</v>
      </c>
      <c r="I20" s="8" t="s">
        <v>7</v>
      </c>
      <c r="J20" s="8" t="s">
        <v>7</v>
      </c>
      <c r="K20" s="8" t="s">
        <v>7</v>
      </c>
      <c r="L20" s="8" t="s">
        <v>7</v>
      </c>
      <c r="M20" s="8" t="s">
        <v>7</v>
      </c>
      <c r="N20" s="8" t="s">
        <v>7</v>
      </c>
      <c r="O20" s="8" t="s">
        <v>7</v>
      </c>
      <c r="P20" s="8" t="s">
        <v>7</v>
      </c>
      <c r="Q20" s="8" t="s">
        <v>7</v>
      </c>
      <c r="R20" s="8" t="s">
        <v>7</v>
      </c>
      <c r="S20" s="8" t="s">
        <v>7</v>
      </c>
      <c r="T20" s="8" t="s">
        <v>7</v>
      </c>
      <c r="U20" s="8" t="s">
        <v>7</v>
      </c>
      <c r="V20" s="8" t="s">
        <v>7</v>
      </c>
    </row>
    <row r="21" spans="1:22" x14ac:dyDescent="0.2">
      <c r="A21" s="7" t="s">
        <v>52</v>
      </c>
      <c r="B21" s="7" t="s">
        <v>53</v>
      </c>
    </row>
  </sheetData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54"/>
  <sheetViews>
    <sheetView rightToLeft="1" topLeftCell="A28" workbookViewId="0">
      <selection activeCell="B41" sqref="B41"/>
    </sheetView>
  </sheetViews>
  <sheetFormatPr defaultRowHeight="14.25" x14ac:dyDescent="0.2"/>
  <cols>
    <col min="1" max="1" width="2" customWidth="1"/>
    <col min="2" max="2" width="34" customWidth="1"/>
    <col min="3" max="3" width="15" customWidth="1"/>
    <col min="4" max="5" width="11" customWidth="1"/>
    <col min="6" max="6" width="12" customWidth="1"/>
    <col min="7" max="7" width="20" customWidth="1"/>
    <col min="8" max="8" width="8" customWidth="1"/>
    <col min="9" max="9" width="11" customWidth="1"/>
    <col min="10" max="10" width="13" customWidth="1"/>
    <col min="11" max="11" width="6" customWidth="1"/>
    <col min="12" max="12" width="14" customWidth="1"/>
    <col min="13" max="13" width="13" customWidth="1"/>
    <col min="14" max="14" width="15" customWidth="1"/>
    <col min="15" max="15" width="14" customWidth="1"/>
    <col min="16" max="16" width="8" customWidth="1"/>
    <col min="17" max="17" width="18" customWidth="1"/>
    <col min="18" max="18" width="10" customWidth="1"/>
    <col min="19" max="19" width="22" customWidth="1"/>
    <col min="20" max="20" width="24" customWidth="1"/>
    <col min="21" max="21" width="23" customWidth="1"/>
    <col min="22" max="22" width="11" customWidth="1"/>
  </cols>
  <sheetData>
    <row r="1" spans="1:22" x14ac:dyDescent="0.2">
      <c r="B1" s="7" t="s">
        <v>0</v>
      </c>
      <c r="C1" s="7" t="s">
        <v>1</v>
      </c>
    </row>
    <row r="2" spans="1:22" x14ac:dyDescent="0.2">
      <c r="B2" s="7" t="s">
        <v>2</v>
      </c>
      <c r="C2" s="7" t="s">
        <v>3</v>
      </c>
    </row>
    <row r="3" spans="1:22" x14ac:dyDescent="0.2">
      <c r="B3" s="7" t="s">
        <v>4</v>
      </c>
      <c r="C3" s="7" t="s">
        <v>5</v>
      </c>
    </row>
    <row r="4" spans="1:22" x14ac:dyDescent="0.2">
      <c r="B4" s="7" t="s">
        <v>6</v>
      </c>
      <c r="C4" s="7">
        <v>1476</v>
      </c>
    </row>
    <row r="5" spans="1:22" x14ac:dyDescent="0.2">
      <c r="B5" s="7" t="s">
        <v>7</v>
      </c>
      <c r="C5" s="7" t="s">
        <v>7</v>
      </c>
    </row>
    <row r="6" spans="1:22" x14ac:dyDescent="0.2">
      <c r="A6" s="1" t="s">
        <v>7</v>
      </c>
      <c r="B6" s="1" t="s">
        <v>9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  <c r="U6" s="1" t="s">
        <v>7</v>
      </c>
      <c r="V6" s="1" t="s">
        <v>7</v>
      </c>
    </row>
    <row r="7" spans="1:22" x14ac:dyDescent="0.2">
      <c r="A7" s="1" t="s">
        <v>7</v>
      </c>
      <c r="B7" s="1" t="s">
        <v>142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  <c r="U7" s="1" t="s">
        <v>7</v>
      </c>
      <c r="V7" s="1" t="s">
        <v>7</v>
      </c>
    </row>
    <row r="8" spans="1:22" x14ac:dyDescent="0.2">
      <c r="A8" s="1" t="s">
        <v>7</v>
      </c>
      <c r="B8" s="1" t="s">
        <v>55</v>
      </c>
      <c r="C8" s="1" t="s">
        <v>56</v>
      </c>
      <c r="D8" s="1" t="s">
        <v>93</v>
      </c>
      <c r="E8" s="1" t="s">
        <v>131</v>
      </c>
      <c r="F8" s="1" t="s">
        <v>57</v>
      </c>
      <c r="G8" s="1" t="s">
        <v>132</v>
      </c>
      <c r="H8" s="1" t="s">
        <v>58</v>
      </c>
      <c r="I8" s="1" t="s">
        <v>59</v>
      </c>
      <c r="J8" s="1" t="s">
        <v>94</v>
      </c>
      <c r="K8" s="1" t="s">
        <v>95</v>
      </c>
      <c r="L8" s="1" t="s">
        <v>60</v>
      </c>
      <c r="M8" s="1" t="s">
        <v>61</v>
      </c>
      <c r="N8" s="1" t="s">
        <v>62</v>
      </c>
      <c r="O8" s="1" t="s">
        <v>96</v>
      </c>
      <c r="P8" s="1" t="s">
        <v>97</v>
      </c>
      <c r="Q8" s="1" t="s">
        <v>98</v>
      </c>
      <c r="R8" s="1" t="s">
        <v>63</v>
      </c>
      <c r="S8" s="1" t="s">
        <v>99</v>
      </c>
      <c r="T8" s="1" t="s">
        <v>64</v>
      </c>
      <c r="U8" s="1" t="s">
        <v>100</v>
      </c>
      <c r="V8" s="1" t="s">
        <v>7</v>
      </c>
    </row>
    <row r="9" spans="1:22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143</v>
      </c>
      <c r="K9" s="1" t="s">
        <v>101</v>
      </c>
      <c r="L9" s="1" t="s">
        <v>7</v>
      </c>
      <c r="M9" s="1" t="s">
        <v>12</v>
      </c>
      <c r="N9" s="1" t="s">
        <v>12</v>
      </c>
      <c r="O9" s="1" t="s">
        <v>144</v>
      </c>
      <c r="P9" s="1" t="s">
        <v>7</v>
      </c>
      <c r="Q9" s="1" t="s">
        <v>11</v>
      </c>
      <c r="R9" s="1" t="s">
        <v>11</v>
      </c>
      <c r="S9" s="1" t="s">
        <v>12</v>
      </c>
      <c r="T9" s="1" t="s">
        <v>12</v>
      </c>
      <c r="U9" s="1" t="s">
        <v>12</v>
      </c>
      <c r="V9" s="1" t="s">
        <v>7</v>
      </c>
    </row>
    <row r="10" spans="1:22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104</v>
      </c>
      <c r="N10" s="1" t="s">
        <v>105</v>
      </c>
      <c r="O10" s="1" t="s">
        <v>106</v>
      </c>
      <c r="P10" s="1" t="s">
        <v>107</v>
      </c>
      <c r="Q10" s="1" t="s">
        <v>108</v>
      </c>
      <c r="R10" s="1" t="s">
        <v>109</v>
      </c>
      <c r="S10" s="1" t="s">
        <v>133</v>
      </c>
      <c r="T10" s="1" t="s">
        <v>134</v>
      </c>
      <c r="U10" s="1" t="s">
        <v>135</v>
      </c>
      <c r="V10" s="1" t="s">
        <v>7</v>
      </c>
    </row>
    <row r="11" spans="1:22" x14ac:dyDescent="0.2">
      <c r="A11" s="8" t="s">
        <v>7</v>
      </c>
      <c r="B11" s="8" t="s">
        <v>145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8" t="s">
        <v>7</v>
      </c>
      <c r="I11" s="8" t="s">
        <v>7</v>
      </c>
      <c r="J11" s="8" t="s">
        <v>7</v>
      </c>
      <c r="K11" s="10">
        <v>3.34</v>
      </c>
      <c r="L11" s="8" t="s">
        <v>7</v>
      </c>
      <c r="M11" s="9">
        <v>3.0599999999999999E-2</v>
      </c>
      <c r="N11" s="9">
        <v>7.4000000000000003E-3</v>
      </c>
      <c r="O11" s="10">
        <v>7480021.3399999999</v>
      </c>
      <c r="P11" s="8" t="s">
        <v>7</v>
      </c>
      <c r="Q11" s="10">
        <v>54.21</v>
      </c>
      <c r="R11" s="10">
        <v>9250.6</v>
      </c>
      <c r="S11" s="8" t="s">
        <v>7</v>
      </c>
      <c r="T11" s="9">
        <v>1</v>
      </c>
      <c r="U11" s="9">
        <v>0.20430000000000001</v>
      </c>
      <c r="V11" s="8" t="s">
        <v>7</v>
      </c>
    </row>
    <row r="12" spans="1:22" x14ac:dyDescent="0.2">
      <c r="A12" s="3" t="s">
        <v>7</v>
      </c>
      <c r="B12" s="3" t="s">
        <v>75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3" t="s">
        <v>7</v>
      </c>
      <c r="J12" s="3" t="s">
        <v>7</v>
      </c>
      <c r="K12" s="12">
        <v>3.31</v>
      </c>
      <c r="L12" s="3" t="s">
        <v>7</v>
      </c>
      <c r="M12" s="11">
        <v>2.98E-2</v>
      </c>
      <c r="N12" s="11">
        <v>5.4000000000000003E-3</v>
      </c>
      <c r="O12" s="12">
        <v>7080021.3399999999</v>
      </c>
      <c r="P12" s="3" t="s">
        <v>7</v>
      </c>
      <c r="Q12" s="12">
        <v>54.21</v>
      </c>
      <c r="R12" s="12">
        <v>7733.24</v>
      </c>
      <c r="S12" s="3" t="s">
        <v>7</v>
      </c>
      <c r="T12" s="11">
        <v>0.83599999999999997</v>
      </c>
      <c r="U12" s="11">
        <v>0.17080000000000001</v>
      </c>
      <c r="V12" s="3" t="s">
        <v>7</v>
      </c>
    </row>
    <row r="13" spans="1:22" x14ac:dyDescent="0.2">
      <c r="A13" s="3" t="s">
        <v>7</v>
      </c>
      <c r="B13" s="3" t="s">
        <v>137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3" t="s">
        <v>7</v>
      </c>
      <c r="J13" s="3" t="s">
        <v>7</v>
      </c>
      <c r="K13" s="12">
        <v>4.08</v>
      </c>
      <c r="L13" s="3" t="s">
        <v>7</v>
      </c>
      <c r="M13" s="11">
        <v>2.3300000000000001E-2</v>
      </c>
      <c r="N13" s="11">
        <v>-4.1000000000000003E-3</v>
      </c>
      <c r="O13" s="12">
        <v>2447040.25</v>
      </c>
      <c r="P13" s="3" t="s">
        <v>7</v>
      </c>
      <c r="Q13" s="12">
        <v>0</v>
      </c>
      <c r="R13" s="12">
        <v>2744.46</v>
      </c>
      <c r="S13" s="3" t="s">
        <v>7</v>
      </c>
      <c r="T13" s="11">
        <v>0.29670000000000002</v>
      </c>
      <c r="U13" s="11">
        <v>6.0600000000000001E-2</v>
      </c>
      <c r="V13" s="3" t="s">
        <v>7</v>
      </c>
    </row>
    <row r="14" spans="1:22" x14ac:dyDescent="0.2">
      <c r="A14" s="13" t="s">
        <v>7</v>
      </c>
      <c r="B14" s="13" t="s">
        <v>146</v>
      </c>
      <c r="C14" s="14">
        <v>1940659</v>
      </c>
      <c r="D14" s="13" t="s">
        <v>113</v>
      </c>
      <c r="E14" s="13" t="s">
        <v>7</v>
      </c>
      <c r="F14" s="14">
        <v>520032640</v>
      </c>
      <c r="G14" s="13" t="s">
        <v>147</v>
      </c>
      <c r="H14" s="13" t="s">
        <v>148</v>
      </c>
      <c r="I14" s="13" t="s">
        <v>80</v>
      </c>
      <c r="J14" s="13" t="s">
        <v>7</v>
      </c>
      <c r="K14" s="16">
        <v>5.0999999999999996</v>
      </c>
      <c r="L14" s="13" t="s">
        <v>81</v>
      </c>
      <c r="M14" s="15">
        <v>1.7500000000000002E-2</v>
      </c>
      <c r="N14" s="15">
        <v>-6.4999999999999997E-3</v>
      </c>
      <c r="O14" s="16">
        <v>394495.8</v>
      </c>
      <c r="P14" s="16">
        <v>112.78</v>
      </c>
      <c r="Q14" s="16">
        <v>0</v>
      </c>
      <c r="R14" s="16">
        <v>444.91</v>
      </c>
      <c r="S14" s="15">
        <v>1E-4</v>
      </c>
      <c r="T14" s="15">
        <v>4.8099999999999997E-2</v>
      </c>
      <c r="U14" s="15">
        <v>9.7999999999999997E-3</v>
      </c>
      <c r="V14" s="13" t="s">
        <v>7</v>
      </c>
    </row>
    <row r="15" spans="1:22" x14ac:dyDescent="0.2">
      <c r="A15" s="13" t="s">
        <v>7</v>
      </c>
      <c r="B15" s="13" t="s">
        <v>149</v>
      </c>
      <c r="C15" s="14">
        <v>6000236</v>
      </c>
      <c r="D15" s="13" t="s">
        <v>113</v>
      </c>
      <c r="E15" s="13" t="s">
        <v>7</v>
      </c>
      <c r="F15" s="14">
        <v>520000472</v>
      </c>
      <c r="G15" s="13" t="s">
        <v>150</v>
      </c>
      <c r="H15" s="13" t="s">
        <v>79</v>
      </c>
      <c r="I15" s="13" t="s">
        <v>80</v>
      </c>
      <c r="J15" s="13" t="s">
        <v>7</v>
      </c>
      <c r="K15" s="16">
        <v>4.09</v>
      </c>
      <c r="L15" s="13" t="s">
        <v>81</v>
      </c>
      <c r="M15" s="15">
        <v>4.4999999999999998E-2</v>
      </c>
      <c r="N15" s="15">
        <v>-7.4999999999999997E-3</v>
      </c>
      <c r="O15" s="16">
        <v>133058</v>
      </c>
      <c r="P15" s="16">
        <v>125.88</v>
      </c>
      <c r="Q15" s="16">
        <v>0</v>
      </c>
      <c r="R15" s="16">
        <v>167.49</v>
      </c>
      <c r="S15" s="15">
        <v>0</v>
      </c>
      <c r="T15" s="15">
        <v>1.8100000000000002E-2</v>
      </c>
      <c r="U15" s="15">
        <v>3.7000000000000002E-3</v>
      </c>
      <c r="V15" s="13" t="s">
        <v>7</v>
      </c>
    </row>
    <row r="16" spans="1:22" x14ac:dyDescent="0.2">
      <c r="A16" s="13" t="s">
        <v>7</v>
      </c>
      <c r="B16" s="13" t="s">
        <v>151</v>
      </c>
      <c r="C16" s="14">
        <v>1145564</v>
      </c>
      <c r="D16" s="13" t="s">
        <v>113</v>
      </c>
      <c r="E16" s="13" t="s">
        <v>7</v>
      </c>
      <c r="F16" s="14">
        <v>513569780</v>
      </c>
      <c r="G16" s="13" t="s">
        <v>152</v>
      </c>
      <c r="H16" s="13" t="s">
        <v>153</v>
      </c>
      <c r="I16" s="13" t="s">
        <v>154</v>
      </c>
      <c r="J16" s="13" t="s">
        <v>7</v>
      </c>
      <c r="K16" s="16">
        <v>4.32</v>
      </c>
      <c r="L16" s="13" t="s">
        <v>81</v>
      </c>
      <c r="M16" s="15">
        <v>8.3000000000000001E-3</v>
      </c>
      <c r="N16" s="15">
        <v>-7.4999999999999997E-3</v>
      </c>
      <c r="O16" s="16">
        <v>186636</v>
      </c>
      <c r="P16" s="16">
        <v>108.33</v>
      </c>
      <c r="Q16" s="16">
        <v>0</v>
      </c>
      <c r="R16" s="16">
        <v>202.18</v>
      </c>
      <c r="S16" s="15">
        <v>1E-4</v>
      </c>
      <c r="T16" s="15">
        <v>2.1899999999999999E-2</v>
      </c>
      <c r="U16" s="15">
        <v>4.4999999999999997E-3</v>
      </c>
      <c r="V16" s="13" t="s">
        <v>7</v>
      </c>
    </row>
    <row r="17" spans="1:22" x14ac:dyDescent="0.2">
      <c r="A17" s="13" t="s">
        <v>7</v>
      </c>
      <c r="B17" s="13" t="s">
        <v>155</v>
      </c>
      <c r="C17" s="14">
        <v>1133487</v>
      </c>
      <c r="D17" s="13" t="s">
        <v>113</v>
      </c>
      <c r="E17" s="13" t="s">
        <v>7</v>
      </c>
      <c r="F17" s="14">
        <v>511659401</v>
      </c>
      <c r="G17" s="13" t="s">
        <v>152</v>
      </c>
      <c r="H17" s="13" t="s">
        <v>156</v>
      </c>
      <c r="I17" s="13" t="s">
        <v>80</v>
      </c>
      <c r="J17" s="13" t="s">
        <v>7</v>
      </c>
      <c r="K17" s="16">
        <v>4.12</v>
      </c>
      <c r="L17" s="13" t="s">
        <v>81</v>
      </c>
      <c r="M17" s="15">
        <v>2.3400000000000001E-2</v>
      </c>
      <c r="N17" s="15">
        <v>-2.0999999999999999E-3</v>
      </c>
      <c r="O17" s="16">
        <v>121882.35</v>
      </c>
      <c r="P17" s="16">
        <v>111</v>
      </c>
      <c r="Q17" s="16">
        <v>0</v>
      </c>
      <c r="R17" s="16">
        <v>135.29</v>
      </c>
      <c r="S17" s="15">
        <v>0</v>
      </c>
      <c r="T17" s="15">
        <v>1.46E-2</v>
      </c>
      <c r="U17" s="15">
        <v>3.0000000000000001E-3</v>
      </c>
      <c r="V17" s="13" t="s">
        <v>7</v>
      </c>
    </row>
    <row r="18" spans="1:22" x14ac:dyDescent="0.2">
      <c r="A18" s="13" t="s">
        <v>7</v>
      </c>
      <c r="B18" s="13" t="s">
        <v>157</v>
      </c>
      <c r="C18" s="14">
        <v>1133149</v>
      </c>
      <c r="D18" s="13" t="s">
        <v>113</v>
      </c>
      <c r="E18" s="13" t="s">
        <v>7</v>
      </c>
      <c r="F18" s="14">
        <v>520026683</v>
      </c>
      <c r="G18" s="13" t="s">
        <v>152</v>
      </c>
      <c r="H18" s="13" t="s">
        <v>156</v>
      </c>
      <c r="I18" s="13" t="s">
        <v>80</v>
      </c>
      <c r="J18" s="13" t="s">
        <v>7</v>
      </c>
      <c r="K18" s="16">
        <v>4.3</v>
      </c>
      <c r="L18" s="13" t="s">
        <v>81</v>
      </c>
      <c r="M18" s="15">
        <v>3.2000000000000001E-2</v>
      </c>
      <c r="N18" s="15">
        <v>-3.0000000000000001E-3</v>
      </c>
      <c r="O18" s="16">
        <v>145688</v>
      </c>
      <c r="P18" s="16">
        <v>118.47</v>
      </c>
      <c r="Q18" s="16">
        <v>0</v>
      </c>
      <c r="R18" s="16">
        <v>172.6</v>
      </c>
      <c r="S18" s="15">
        <v>1E-4</v>
      </c>
      <c r="T18" s="15">
        <v>1.8700000000000001E-2</v>
      </c>
      <c r="U18" s="15">
        <v>3.8E-3</v>
      </c>
      <c r="V18" s="13" t="s">
        <v>7</v>
      </c>
    </row>
    <row r="19" spans="1:22" x14ac:dyDescent="0.2">
      <c r="A19" s="13" t="s">
        <v>7</v>
      </c>
      <c r="B19" s="13" t="s">
        <v>158</v>
      </c>
      <c r="C19" s="14">
        <v>7590219</v>
      </c>
      <c r="D19" s="13" t="s">
        <v>113</v>
      </c>
      <c r="E19" s="13" t="s">
        <v>7</v>
      </c>
      <c r="F19" s="14">
        <v>520001736</v>
      </c>
      <c r="G19" s="13" t="s">
        <v>152</v>
      </c>
      <c r="H19" s="13" t="s">
        <v>156</v>
      </c>
      <c r="I19" s="13" t="s">
        <v>80</v>
      </c>
      <c r="J19" s="13" t="s">
        <v>7</v>
      </c>
      <c r="K19" s="16">
        <v>4.7699999999999996</v>
      </c>
      <c r="L19" s="13" t="s">
        <v>81</v>
      </c>
      <c r="M19" s="15">
        <v>5.0000000000000001E-3</v>
      </c>
      <c r="N19" s="15">
        <v>-2.5999999999999999E-3</v>
      </c>
      <c r="O19" s="16">
        <v>235998</v>
      </c>
      <c r="P19" s="16">
        <v>103.77</v>
      </c>
      <c r="Q19" s="16">
        <v>0</v>
      </c>
      <c r="R19" s="16">
        <v>244.89</v>
      </c>
      <c r="S19" s="15">
        <v>2.0000000000000001E-4</v>
      </c>
      <c r="T19" s="15">
        <v>2.6499999999999999E-2</v>
      </c>
      <c r="U19" s="15">
        <v>5.4000000000000003E-3</v>
      </c>
      <c r="V19" s="13" t="s">
        <v>7</v>
      </c>
    </row>
    <row r="20" spans="1:22" x14ac:dyDescent="0.2">
      <c r="A20" s="13" t="s">
        <v>7</v>
      </c>
      <c r="B20" s="13" t="s">
        <v>159</v>
      </c>
      <c r="C20" s="14">
        <v>2300184</v>
      </c>
      <c r="D20" s="13" t="s">
        <v>113</v>
      </c>
      <c r="E20" s="13" t="s">
        <v>7</v>
      </c>
      <c r="F20" s="14">
        <v>520031931</v>
      </c>
      <c r="G20" s="13" t="s">
        <v>160</v>
      </c>
      <c r="H20" s="13" t="s">
        <v>161</v>
      </c>
      <c r="I20" s="13" t="s">
        <v>80</v>
      </c>
      <c r="J20" s="13" t="s">
        <v>7</v>
      </c>
      <c r="K20" s="16">
        <v>3.36</v>
      </c>
      <c r="L20" s="13" t="s">
        <v>81</v>
      </c>
      <c r="M20" s="15">
        <v>2.1999999999999999E-2</v>
      </c>
      <c r="N20" s="15">
        <v>-5.7999999999999996E-3</v>
      </c>
      <c r="O20" s="16">
        <v>239812</v>
      </c>
      <c r="P20" s="16">
        <v>110.83</v>
      </c>
      <c r="Q20" s="16">
        <v>0</v>
      </c>
      <c r="R20" s="16">
        <v>265.77999999999997</v>
      </c>
      <c r="S20" s="15">
        <v>2.9999999999999997E-4</v>
      </c>
      <c r="T20" s="15">
        <v>2.87E-2</v>
      </c>
      <c r="U20" s="15">
        <v>5.8999999999999999E-3</v>
      </c>
      <c r="V20" s="13" t="s">
        <v>7</v>
      </c>
    </row>
    <row r="21" spans="1:22" x14ac:dyDescent="0.2">
      <c r="A21" s="13" t="s">
        <v>7</v>
      </c>
      <c r="B21" s="13" t="s">
        <v>162</v>
      </c>
      <c r="C21" s="14">
        <v>6130181</v>
      </c>
      <c r="D21" s="13" t="s">
        <v>113</v>
      </c>
      <c r="E21" s="13" t="s">
        <v>7</v>
      </c>
      <c r="F21" s="14">
        <v>520017807</v>
      </c>
      <c r="G21" s="13" t="s">
        <v>152</v>
      </c>
      <c r="H21" s="13" t="s">
        <v>161</v>
      </c>
      <c r="I21" s="13" t="s">
        <v>80</v>
      </c>
      <c r="J21" s="13" t="s">
        <v>7</v>
      </c>
      <c r="K21" s="16">
        <v>1.77</v>
      </c>
      <c r="L21" s="13" t="s">
        <v>81</v>
      </c>
      <c r="M21" s="15">
        <v>3.4799999999999998E-2</v>
      </c>
      <c r="N21" s="15">
        <v>-5.1000000000000004E-3</v>
      </c>
      <c r="O21" s="16">
        <v>1.45</v>
      </c>
      <c r="P21" s="16">
        <v>108.11</v>
      </c>
      <c r="Q21" s="16">
        <v>0</v>
      </c>
      <c r="R21" s="16">
        <v>0</v>
      </c>
      <c r="S21" s="15">
        <v>0</v>
      </c>
      <c r="T21" s="15">
        <v>0</v>
      </c>
      <c r="U21" s="15">
        <v>0</v>
      </c>
      <c r="V21" s="13" t="s">
        <v>7</v>
      </c>
    </row>
    <row r="22" spans="1:22" x14ac:dyDescent="0.2">
      <c r="A22" s="13" t="s">
        <v>7</v>
      </c>
      <c r="B22" s="13" t="s">
        <v>163</v>
      </c>
      <c r="C22" s="14">
        <v>3230208</v>
      </c>
      <c r="D22" s="13" t="s">
        <v>113</v>
      </c>
      <c r="E22" s="13" t="s">
        <v>7</v>
      </c>
      <c r="F22" s="14">
        <v>520037789</v>
      </c>
      <c r="G22" s="13" t="s">
        <v>152</v>
      </c>
      <c r="H22" s="13" t="s">
        <v>161</v>
      </c>
      <c r="I22" s="13" t="s">
        <v>80</v>
      </c>
      <c r="J22" s="13" t="s">
        <v>7</v>
      </c>
      <c r="K22" s="16">
        <v>3.91</v>
      </c>
      <c r="L22" s="13" t="s">
        <v>81</v>
      </c>
      <c r="M22" s="15">
        <v>2.3E-2</v>
      </c>
      <c r="N22" s="15">
        <v>1.1000000000000001E-3</v>
      </c>
      <c r="O22" s="16">
        <v>1.36</v>
      </c>
      <c r="P22" s="16">
        <v>111.28</v>
      </c>
      <c r="Q22" s="16">
        <v>0</v>
      </c>
      <c r="R22" s="16">
        <v>0</v>
      </c>
      <c r="S22" s="15">
        <v>0</v>
      </c>
      <c r="T22" s="15">
        <v>0</v>
      </c>
      <c r="U22" s="15">
        <v>0</v>
      </c>
      <c r="V22" s="13" t="s">
        <v>7</v>
      </c>
    </row>
    <row r="23" spans="1:22" x14ac:dyDescent="0.2">
      <c r="A23" s="13" t="s">
        <v>7</v>
      </c>
      <c r="B23" s="13" t="s">
        <v>164</v>
      </c>
      <c r="C23" s="14">
        <v>3230273</v>
      </c>
      <c r="D23" s="13" t="s">
        <v>113</v>
      </c>
      <c r="E23" s="13" t="s">
        <v>7</v>
      </c>
      <c r="F23" s="14">
        <v>520037789</v>
      </c>
      <c r="G23" s="13" t="s">
        <v>152</v>
      </c>
      <c r="H23" s="13" t="s">
        <v>161</v>
      </c>
      <c r="I23" s="13" t="s">
        <v>80</v>
      </c>
      <c r="J23" s="13" t="s">
        <v>7</v>
      </c>
      <c r="K23" s="16">
        <v>5.77</v>
      </c>
      <c r="L23" s="13" t="s">
        <v>81</v>
      </c>
      <c r="M23" s="15">
        <v>2.2499999999999999E-2</v>
      </c>
      <c r="N23" s="15">
        <v>5.4999999999999997E-3</v>
      </c>
      <c r="O23" s="16">
        <v>267054.68</v>
      </c>
      <c r="P23" s="16">
        <v>112.27</v>
      </c>
      <c r="Q23" s="16">
        <v>0</v>
      </c>
      <c r="R23" s="16">
        <v>299.82</v>
      </c>
      <c r="S23" s="15">
        <v>4.0000000000000002E-4</v>
      </c>
      <c r="T23" s="15">
        <v>3.2399999999999998E-2</v>
      </c>
      <c r="U23" s="15">
        <v>6.6E-3</v>
      </c>
      <c r="V23" s="13" t="s">
        <v>7</v>
      </c>
    </row>
    <row r="24" spans="1:22" x14ac:dyDescent="0.2">
      <c r="A24" s="13" t="s">
        <v>7</v>
      </c>
      <c r="B24" s="13" t="s">
        <v>165</v>
      </c>
      <c r="C24" s="14">
        <v>1139542</v>
      </c>
      <c r="D24" s="13" t="s">
        <v>113</v>
      </c>
      <c r="E24" s="13" t="s">
        <v>7</v>
      </c>
      <c r="F24" s="14">
        <v>510216054</v>
      </c>
      <c r="G24" s="13" t="s">
        <v>150</v>
      </c>
      <c r="H24" s="13" t="s">
        <v>161</v>
      </c>
      <c r="I24" s="13" t="s">
        <v>80</v>
      </c>
      <c r="J24" s="13" t="s">
        <v>7</v>
      </c>
      <c r="K24" s="16">
        <v>4.07</v>
      </c>
      <c r="L24" s="13" t="s">
        <v>81</v>
      </c>
      <c r="M24" s="15">
        <v>1.9400000000000001E-2</v>
      </c>
      <c r="N24" s="15">
        <v>-2.8999999999999998E-3</v>
      </c>
      <c r="O24" s="16">
        <v>200218.07</v>
      </c>
      <c r="P24" s="16">
        <v>110.99</v>
      </c>
      <c r="Q24" s="16">
        <v>0</v>
      </c>
      <c r="R24" s="16">
        <v>222.22</v>
      </c>
      <c r="S24" s="15">
        <v>4.0000000000000002E-4</v>
      </c>
      <c r="T24" s="15">
        <v>2.4E-2</v>
      </c>
      <c r="U24" s="15">
        <v>4.8999999999999998E-3</v>
      </c>
      <c r="V24" s="13" t="s">
        <v>7</v>
      </c>
    </row>
    <row r="25" spans="1:22" x14ac:dyDescent="0.2">
      <c r="A25" s="13" t="s">
        <v>7</v>
      </c>
      <c r="B25" s="13" t="s">
        <v>166</v>
      </c>
      <c r="C25" s="14">
        <v>1139849</v>
      </c>
      <c r="D25" s="13" t="s">
        <v>113</v>
      </c>
      <c r="E25" s="13" t="s">
        <v>7</v>
      </c>
      <c r="F25" s="14">
        <v>520044520</v>
      </c>
      <c r="G25" s="13" t="s">
        <v>152</v>
      </c>
      <c r="H25" s="13" t="s">
        <v>167</v>
      </c>
      <c r="I25" s="13" t="s">
        <v>154</v>
      </c>
      <c r="J25" s="13" t="s">
        <v>7</v>
      </c>
      <c r="K25" s="16">
        <v>3.95</v>
      </c>
      <c r="L25" s="13" t="s">
        <v>81</v>
      </c>
      <c r="M25" s="15">
        <v>2.5000000000000001E-2</v>
      </c>
      <c r="N25" s="15">
        <v>1.4E-3</v>
      </c>
      <c r="O25" s="16">
        <v>86588.24</v>
      </c>
      <c r="P25" s="16">
        <v>111.74</v>
      </c>
      <c r="Q25" s="16">
        <v>0</v>
      </c>
      <c r="R25" s="16">
        <v>96.75</v>
      </c>
      <c r="S25" s="15">
        <v>2.0000000000000001E-4</v>
      </c>
      <c r="T25" s="15">
        <v>1.0500000000000001E-2</v>
      </c>
      <c r="U25" s="15">
        <v>2.0999999999999999E-3</v>
      </c>
      <c r="V25" s="13" t="s">
        <v>7</v>
      </c>
    </row>
    <row r="26" spans="1:22" x14ac:dyDescent="0.2">
      <c r="A26" s="13" t="s">
        <v>7</v>
      </c>
      <c r="B26" s="13" t="s">
        <v>168</v>
      </c>
      <c r="C26" s="14">
        <v>1121763</v>
      </c>
      <c r="D26" s="13" t="s">
        <v>113</v>
      </c>
      <c r="E26" s="13" t="s">
        <v>7</v>
      </c>
      <c r="F26" s="14">
        <v>520043795</v>
      </c>
      <c r="G26" s="13" t="s">
        <v>169</v>
      </c>
      <c r="H26" s="13" t="s">
        <v>167</v>
      </c>
      <c r="I26" s="13" t="s">
        <v>154</v>
      </c>
      <c r="J26" s="13" t="s">
        <v>7</v>
      </c>
      <c r="K26" s="16">
        <v>2.61</v>
      </c>
      <c r="L26" s="13" t="s">
        <v>81</v>
      </c>
      <c r="M26" s="15">
        <v>3.95E-2</v>
      </c>
      <c r="N26" s="15">
        <v>-6.4999999999999997E-3</v>
      </c>
      <c r="O26" s="16">
        <v>185743.3</v>
      </c>
      <c r="P26" s="16">
        <v>120.61</v>
      </c>
      <c r="Q26" s="16">
        <v>0</v>
      </c>
      <c r="R26" s="16">
        <v>224.02</v>
      </c>
      <c r="S26" s="15">
        <v>5.0000000000000001E-4</v>
      </c>
      <c r="T26" s="15">
        <v>2.4199999999999999E-2</v>
      </c>
      <c r="U26" s="15">
        <v>4.8999999999999998E-3</v>
      </c>
      <c r="V26" s="13" t="s">
        <v>7</v>
      </c>
    </row>
    <row r="27" spans="1:22" x14ac:dyDescent="0.2">
      <c r="A27" s="13" t="s">
        <v>7</v>
      </c>
      <c r="B27" s="13" t="s">
        <v>170</v>
      </c>
      <c r="C27" s="14">
        <v>1130467</v>
      </c>
      <c r="D27" s="13" t="s">
        <v>113</v>
      </c>
      <c r="E27" s="13" t="s">
        <v>7</v>
      </c>
      <c r="F27" s="14">
        <v>513765859</v>
      </c>
      <c r="G27" s="13" t="s">
        <v>152</v>
      </c>
      <c r="H27" s="13" t="s">
        <v>171</v>
      </c>
      <c r="I27" s="13" t="s">
        <v>80</v>
      </c>
      <c r="J27" s="13" t="s">
        <v>7</v>
      </c>
      <c r="K27" s="16">
        <v>1.49</v>
      </c>
      <c r="L27" s="13" t="s">
        <v>81</v>
      </c>
      <c r="M27" s="15">
        <v>3.3000000000000002E-2</v>
      </c>
      <c r="N27" s="15">
        <v>-8.3000000000000001E-3</v>
      </c>
      <c r="O27" s="16">
        <v>249863</v>
      </c>
      <c r="P27" s="16">
        <v>107.45</v>
      </c>
      <c r="Q27" s="16">
        <v>0</v>
      </c>
      <c r="R27" s="16">
        <v>268.48</v>
      </c>
      <c r="S27" s="15">
        <v>5.0000000000000001E-4</v>
      </c>
      <c r="T27" s="15">
        <v>2.9000000000000001E-2</v>
      </c>
      <c r="U27" s="15">
        <v>5.8999999999999999E-3</v>
      </c>
      <c r="V27" s="13" t="s">
        <v>7</v>
      </c>
    </row>
    <row r="28" spans="1:22" x14ac:dyDescent="0.2">
      <c r="A28" s="3" t="s">
        <v>7</v>
      </c>
      <c r="B28" s="3" t="s">
        <v>121</v>
      </c>
      <c r="C28" s="3" t="s">
        <v>7</v>
      </c>
      <c r="D28" s="3" t="s">
        <v>7</v>
      </c>
      <c r="E28" s="3" t="s">
        <v>7</v>
      </c>
      <c r="F28" s="3" t="s">
        <v>7</v>
      </c>
      <c r="G28" s="3" t="s">
        <v>7</v>
      </c>
      <c r="H28" s="3" t="s">
        <v>7</v>
      </c>
      <c r="I28" s="3" t="s">
        <v>7</v>
      </c>
      <c r="J28" s="3" t="s">
        <v>7</v>
      </c>
      <c r="K28" s="12">
        <v>2.89</v>
      </c>
      <c r="L28" s="3" t="s">
        <v>7</v>
      </c>
      <c r="M28" s="11">
        <v>3.3399999999999999E-2</v>
      </c>
      <c r="N28" s="11">
        <v>1.06E-2</v>
      </c>
      <c r="O28" s="12">
        <v>4632981.09</v>
      </c>
      <c r="P28" s="3" t="s">
        <v>7</v>
      </c>
      <c r="Q28" s="12">
        <v>54.21</v>
      </c>
      <c r="R28" s="12">
        <v>4988.78</v>
      </c>
      <c r="S28" s="3" t="s">
        <v>7</v>
      </c>
      <c r="T28" s="11">
        <v>0.5393</v>
      </c>
      <c r="U28" s="11">
        <v>0.11020000000000001</v>
      </c>
      <c r="V28" s="3" t="s">
        <v>7</v>
      </c>
    </row>
    <row r="29" spans="1:22" x14ac:dyDescent="0.2">
      <c r="A29" s="13" t="s">
        <v>7</v>
      </c>
      <c r="B29" s="13" t="s">
        <v>172</v>
      </c>
      <c r="C29" s="14">
        <v>7480155</v>
      </c>
      <c r="D29" s="13" t="s">
        <v>113</v>
      </c>
      <c r="E29" s="13" t="s">
        <v>7</v>
      </c>
      <c r="F29" s="14">
        <v>520029935</v>
      </c>
      <c r="G29" s="13" t="s">
        <v>147</v>
      </c>
      <c r="H29" s="13" t="s">
        <v>148</v>
      </c>
      <c r="I29" s="13" t="s">
        <v>80</v>
      </c>
      <c r="J29" s="13" t="s">
        <v>7</v>
      </c>
      <c r="K29" s="16">
        <v>2.15</v>
      </c>
      <c r="L29" s="13" t="s">
        <v>81</v>
      </c>
      <c r="M29" s="15">
        <v>1.8700000000000001E-2</v>
      </c>
      <c r="N29" s="15">
        <v>4.4999999999999997E-3</v>
      </c>
      <c r="O29" s="16">
        <v>274135.55</v>
      </c>
      <c r="P29" s="16">
        <v>103.67</v>
      </c>
      <c r="Q29" s="16">
        <v>0</v>
      </c>
      <c r="R29" s="16">
        <v>284.2</v>
      </c>
      <c r="S29" s="15">
        <v>2.0000000000000001E-4</v>
      </c>
      <c r="T29" s="15">
        <v>3.0700000000000002E-2</v>
      </c>
      <c r="U29" s="15">
        <v>6.3E-3</v>
      </c>
      <c r="V29" s="13" t="s">
        <v>7</v>
      </c>
    </row>
    <row r="30" spans="1:22" x14ac:dyDescent="0.2">
      <c r="A30" s="13" t="s">
        <v>7</v>
      </c>
      <c r="B30" s="13" t="s">
        <v>173</v>
      </c>
      <c r="C30" s="14">
        <v>2310167</v>
      </c>
      <c r="D30" s="13" t="s">
        <v>113</v>
      </c>
      <c r="E30" s="13" t="s">
        <v>7</v>
      </c>
      <c r="F30" s="14">
        <v>520032046</v>
      </c>
      <c r="G30" s="13" t="s">
        <v>147</v>
      </c>
      <c r="H30" s="13" t="s">
        <v>148</v>
      </c>
      <c r="I30" s="13" t="s">
        <v>80</v>
      </c>
      <c r="J30" s="13" t="s">
        <v>7</v>
      </c>
      <c r="K30" s="16">
        <v>3.92</v>
      </c>
      <c r="L30" s="13" t="s">
        <v>81</v>
      </c>
      <c r="M30" s="15">
        <v>2.98E-2</v>
      </c>
      <c r="N30" s="15">
        <v>8.3000000000000001E-3</v>
      </c>
      <c r="O30" s="16">
        <v>230777</v>
      </c>
      <c r="P30" s="16">
        <v>111.23</v>
      </c>
      <c r="Q30" s="16">
        <v>0</v>
      </c>
      <c r="R30" s="16">
        <v>256.69</v>
      </c>
      <c r="S30" s="15">
        <v>1E-4</v>
      </c>
      <c r="T30" s="15">
        <v>2.7699999999999999E-2</v>
      </c>
      <c r="U30" s="15">
        <v>5.7000000000000002E-3</v>
      </c>
      <c r="V30" s="13" t="s">
        <v>7</v>
      </c>
    </row>
    <row r="31" spans="1:22" x14ac:dyDescent="0.2">
      <c r="A31" s="13" t="s">
        <v>7</v>
      </c>
      <c r="B31" s="13" t="s">
        <v>174</v>
      </c>
      <c r="C31" s="14">
        <v>1143585</v>
      </c>
      <c r="D31" s="13" t="s">
        <v>113</v>
      </c>
      <c r="E31" s="13" t="s">
        <v>7</v>
      </c>
      <c r="F31" s="14">
        <v>520017393</v>
      </c>
      <c r="G31" s="13" t="s">
        <v>152</v>
      </c>
      <c r="H31" s="13" t="s">
        <v>148</v>
      </c>
      <c r="I31" s="13" t="s">
        <v>80</v>
      </c>
      <c r="J31" s="13" t="s">
        <v>7</v>
      </c>
      <c r="K31" s="16">
        <v>3.67</v>
      </c>
      <c r="L31" s="13" t="s">
        <v>81</v>
      </c>
      <c r="M31" s="15">
        <v>1.44E-2</v>
      </c>
      <c r="N31" s="15">
        <v>6.7999999999999996E-3</v>
      </c>
      <c r="O31" s="16">
        <v>125137.77</v>
      </c>
      <c r="P31" s="16">
        <v>102.82</v>
      </c>
      <c r="Q31" s="16">
        <v>0</v>
      </c>
      <c r="R31" s="16">
        <v>128.66999999999999</v>
      </c>
      <c r="S31" s="15">
        <v>2.0000000000000001E-4</v>
      </c>
      <c r="T31" s="15">
        <v>1.3899999999999999E-2</v>
      </c>
      <c r="U31" s="15">
        <v>2.8E-3</v>
      </c>
      <c r="V31" s="13" t="s">
        <v>7</v>
      </c>
    </row>
    <row r="32" spans="1:22" x14ac:dyDescent="0.2">
      <c r="A32" s="13" t="s">
        <v>7</v>
      </c>
      <c r="B32" s="13" t="s">
        <v>175</v>
      </c>
      <c r="C32" s="14">
        <v>6000202</v>
      </c>
      <c r="D32" s="13" t="s">
        <v>113</v>
      </c>
      <c r="E32" s="13" t="s">
        <v>7</v>
      </c>
      <c r="F32" s="14">
        <v>520000472</v>
      </c>
      <c r="G32" s="13" t="s">
        <v>150</v>
      </c>
      <c r="H32" s="13" t="s">
        <v>79</v>
      </c>
      <c r="I32" s="13" t="s">
        <v>80</v>
      </c>
      <c r="J32" s="13" t="s">
        <v>7</v>
      </c>
      <c r="K32" s="16">
        <v>1.56</v>
      </c>
      <c r="L32" s="13" t="s">
        <v>81</v>
      </c>
      <c r="M32" s="15">
        <v>4.8000000000000001E-2</v>
      </c>
      <c r="N32" s="15">
        <v>4.0000000000000001E-3</v>
      </c>
      <c r="O32" s="16">
        <v>821043.99</v>
      </c>
      <c r="P32" s="16">
        <v>106.81</v>
      </c>
      <c r="Q32" s="16">
        <v>19.7</v>
      </c>
      <c r="R32" s="16">
        <v>896.66</v>
      </c>
      <c r="S32" s="15">
        <v>4.0000000000000002E-4</v>
      </c>
      <c r="T32" s="15">
        <v>9.69E-2</v>
      </c>
      <c r="U32" s="15">
        <v>1.9800000000000002E-2</v>
      </c>
      <c r="V32" s="13" t="s">
        <v>7</v>
      </c>
    </row>
    <row r="33" spans="1:22" x14ac:dyDescent="0.2">
      <c r="A33" s="13" t="s">
        <v>7</v>
      </c>
      <c r="B33" s="13" t="s">
        <v>176</v>
      </c>
      <c r="C33" s="14">
        <v>1157536</v>
      </c>
      <c r="D33" s="13" t="s">
        <v>113</v>
      </c>
      <c r="E33" s="13" t="s">
        <v>7</v>
      </c>
      <c r="F33" s="14">
        <v>1773</v>
      </c>
      <c r="G33" s="13" t="s">
        <v>169</v>
      </c>
      <c r="H33" s="13" t="s">
        <v>177</v>
      </c>
      <c r="I33" s="13" t="s">
        <v>154</v>
      </c>
      <c r="J33" s="13" t="s">
        <v>7</v>
      </c>
      <c r="K33" s="16">
        <v>1.65</v>
      </c>
      <c r="L33" s="13" t="s">
        <v>81</v>
      </c>
      <c r="M33" s="15">
        <v>1.49E-2</v>
      </c>
      <c r="N33" s="15">
        <v>4.8999999999999998E-3</v>
      </c>
      <c r="O33" s="16">
        <v>219401.9</v>
      </c>
      <c r="P33" s="16">
        <v>102.16</v>
      </c>
      <c r="Q33" s="16">
        <v>0</v>
      </c>
      <c r="R33" s="16">
        <v>224.14</v>
      </c>
      <c r="S33" s="15">
        <v>2.9999999999999997E-4</v>
      </c>
      <c r="T33" s="15">
        <v>2.4199999999999999E-2</v>
      </c>
      <c r="U33" s="15">
        <v>4.8999999999999998E-3</v>
      </c>
      <c r="V33" s="13" t="s">
        <v>7</v>
      </c>
    </row>
    <row r="34" spans="1:22" x14ac:dyDescent="0.2">
      <c r="A34" s="13" t="s">
        <v>7</v>
      </c>
      <c r="B34" s="13" t="s">
        <v>178</v>
      </c>
      <c r="C34" s="14">
        <v>2810299</v>
      </c>
      <c r="D34" s="13" t="s">
        <v>113</v>
      </c>
      <c r="E34" s="13" t="s">
        <v>7</v>
      </c>
      <c r="F34" s="14">
        <v>520027830</v>
      </c>
      <c r="G34" s="13" t="s">
        <v>179</v>
      </c>
      <c r="H34" s="13" t="s">
        <v>156</v>
      </c>
      <c r="I34" s="13" t="s">
        <v>80</v>
      </c>
      <c r="J34" s="13" t="s">
        <v>7</v>
      </c>
      <c r="K34" s="16">
        <v>1.96</v>
      </c>
      <c r="L34" s="13" t="s">
        <v>81</v>
      </c>
      <c r="M34" s="15">
        <v>2.4500000000000001E-2</v>
      </c>
      <c r="N34" s="15">
        <v>4.7000000000000002E-3</v>
      </c>
      <c r="O34" s="16">
        <v>162147.75</v>
      </c>
      <c r="P34" s="16">
        <v>103.93</v>
      </c>
      <c r="Q34" s="16">
        <v>0</v>
      </c>
      <c r="R34" s="16">
        <v>168.52</v>
      </c>
      <c r="S34" s="15">
        <v>1E-4</v>
      </c>
      <c r="T34" s="15">
        <v>1.8200000000000001E-2</v>
      </c>
      <c r="U34" s="15">
        <v>3.7000000000000002E-3</v>
      </c>
      <c r="V34" s="13" t="s">
        <v>7</v>
      </c>
    </row>
    <row r="35" spans="1:22" x14ac:dyDescent="0.2">
      <c r="A35" s="13" t="s">
        <v>7</v>
      </c>
      <c r="B35" s="13" t="s">
        <v>180</v>
      </c>
      <c r="C35" s="14">
        <v>1138494</v>
      </c>
      <c r="D35" s="13" t="s">
        <v>113</v>
      </c>
      <c r="E35" s="13" t="s">
        <v>7</v>
      </c>
      <c r="F35" s="14">
        <v>520041997</v>
      </c>
      <c r="G35" s="13" t="s">
        <v>181</v>
      </c>
      <c r="H35" s="13" t="s">
        <v>161</v>
      </c>
      <c r="I35" s="13" t="s">
        <v>80</v>
      </c>
      <c r="J35" s="13" t="s">
        <v>7</v>
      </c>
      <c r="K35" s="16">
        <v>1.24</v>
      </c>
      <c r="L35" s="13" t="s">
        <v>81</v>
      </c>
      <c r="M35" s="15">
        <v>2.7900000000000001E-2</v>
      </c>
      <c r="N35" s="15">
        <v>5.8999999999999999E-3</v>
      </c>
      <c r="O35" s="16">
        <v>108175.52</v>
      </c>
      <c r="P35" s="16">
        <v>102.74</v>
      </c>
      <c r="Q35" s="16">
        <v>0</v>
      </c>
      <c r="R35" s="16">
        <v>111.14</v>
      </c>
      <c r="S35" s="15">
        <v>4.0000000000000002E-4</v>
      </c>
      <c r="T35" s="15">
        <v>1.2E-2</v>
      </c>
      <c r="U35" s="15">
        <v>2.3999999999999998E-3</v>
      </c>
      <c r="V35" s="13" t="s">
        <v>7</v>
      </c>
    </row>
    <row r="36" spans="1:22" x14ac:dyDescent="0.2">
      <c r="A36" s="13" t="s">
        <v>7</v>
      </c>
      <c r="B36" s="13" t="s">
        <v>182</v>
      </c>
      <c r="C36" s="14">
        <v>2560209</v>
      </c>
      <c r="D36" s="13" t="s">
        <v>113</v>
      </c>
      <c r="E36" s="13" t="s">
        <v>7</v>
      </c>
      <c r="F36" s="14">
        <v>520036690</v>
      </c>
      <c r="G36" s="13" t="s">
        <v>183</v>
      </c>
      <c r="H36" s="13" t="s">
        <v>161</v>
      </c>
      <c r="I36" s="13" t="s">
        <v>80</v>
      </c>
      <c r="J36" s="13" t="s">
        <v>7</v>
      </c>
      <c r="K36" s="16">
        <v>3.54</v>
      </c>
      <c r="L36" s="13" t="s">
        <v>81</v>
      </c>
      <c r="M36" s="15">
        <v>2.29E-2</v>
      </c>
      <c r="N36" s="15">
        <v>1.1299999999999999E-2</v>
      </c>
      <c r="O36" s="16">
        <v>499654.9</v>
      </c>
      <c r="P36" s="16">
        <v>104.92</v>
      </c>
      <c r="Q36" s="16">
        <v>0</v>
      </c>
      <c r="R36" s="16">
        <v>524.24</v>
      </c>
      <c r="S36" s="15">
        <v>1.9E-3</v>
      </c>
      <c r="T36" s="15">
        <v>5.67E-2</v>
      </c>
      <c r="U36" s="15">
        <v>1.1599999999999999E-2</v>
      </c>
      <c r="V36" s="13" t="s">
        <v>7</v>
      </c>
    </row>
    <row r="37" spans="1:22" x14ac:dyDescent="0.2">
      <c r="A37" s="13" t="s">
        <v>7</v>
      </c>
      <c r="B37" s="13" t="s">
        <v>184</v>
      </c>
      <c r="C37" s="14">
        <v>7390149</v>
      </c>
      <c r="D37" s="13" t="s">
        <v>113</v>
      </c>
      <c r="E37" s="13" t="s">
        <v>7</v>
      </c>
      <c r="F37" s="14">
        <v>520028911</v>
      </c>
      <c r="G37" s="13" t="s">
        <v>185</v>
      </c>
      <c r="H37" s="13" t="s">
        <v>171</v>
      </c>
      <c r="I37" s="13" t="s">
        <v>80</v>
      </c>
      <c r="J37" s="13" t="s">
        <v>7</v>
      </c>
      <c r="K37" s="16">
        <v>2.64</v>
      </c>
      <c r="L37" s="13" t="s">
        <v>81</v>
      </c>
      <c r="M37" s="15">
        <v>3.7499999999999999E-2</v>
      </c>
      <c r="N37" s="15">
        <v>1.0500000000000001E-2</v>
      </c>
      <c r="O37" s="16">
        <v>233423</v>
      </c>
      <c r="P37" s="16">
        <v>108.21</v>
      </c>
      <c r="Q37" s="16">
        <v>0</v>
      </c>
      <c r="R37" s="16">
        <v>252.59</v>
      </c>
      <c r="S37" s="15">
        <v>5.9999999999999995E-4</v>
      </c>
      <c r="T37" s="15">
        <v>2.7300000000000001E-2</v>
      </c>
      <c r="U37" s="15">
        <v>5.5999999999999999E-3</v>
      </c>
      <c r="V37" s="13" t="s">
        <v>7</v>
      </c>
    </row>
    <row r="38" spans="1:22" x14ac:dyDescent="0.2">
      <c r="A38" s="13" t="s">
        <v>7</v>
      </c>
      <c r="B38" s="13" t="s">
        <v>186</v>
      </c>
      <c r="C38" s="14">
        <v>1141415</v>
      </c>
      <c r="D38" s="13" t="s">
        <v>113</v>
      </c>
      <c r="E38" s="13" t="s">
        <v>7</v>
      </c>
      <c r="F38" s="14">
        <v>520044314</v>
      </c>
      <c r="G38" s="13" t="s">
        <v>160</v>
      </c>
      <c r="H38" s="13" t="s">
        <v>171</v>
      </c>
      <c r="I38" s="13" t="s">
        <v>80</v>
      </c>
      <c r="J38" s="13" t="s">
        <v>7</v>
      </c>
      <c r="K38" s="16">
        <v>1.7</v>
      </c>
      <c r="L38" s="13" t="s">
        <v>81</v>
      </c>
      <c r="M38" s="15">
        <v>2.1600000000000001E-2</v>
      </c>
      <c r="N38" s="15">
        <v>1.09E-2</v>
      </c>
      <c r="O38" s="16">
        <v>251905</v>
      </c>
      <c r="P38" s="16">
        <v>102.4</v>
      </c>
      <c r="Q38" s="16">
        <v>0</v>
      </c>
      <c r="R38" s="16">
        <v>257.95</v>
      </c>
      <c r="S38" s="15">
        <v>5.0000000000000001E-4</v>
      </c>
      <c r="T38" s="15">
        <v>2.7900000000000001E-2</v>
      </c>
      <c r="U38" s="15">
        <v>5.7000000000000002E-3</v>
      </c>
      <c r="V38" s="13" t="s">
        <v>7</v>
      </c>
    </row>
    <row r="39" spans="1:22" x14ac:dyDescent="0.2">
      <c r="A39" s="13" t="s">
        <v>7</v>
      </c>
      <c r="B39" s="13" t="s">
        <v>187</v>
      </c>
      <c r="C39" s="14">
        <v>1156397</v>
      </c>
      <c r="D39" s="13" t="s">
        <v>113</v>
      </c>
      <c r="E39" s="13" t="s">
        <v>7</v>
      </c>
      <c r="F39" s="14">
        <v>520044314</v>
      </c>
      <c r="G39" s="13" t="s">
        <v>160</v>
      </c>
      <c r="H39" s="13" t="s">
        <v>171</v>
      </c>
      <c r="I39" s="13" t="s">
        <v>80</v>
      </c>
      <c r="J39" s="13" t="s">
        <v>7</v>
      </c>
      <c r="K39" s="16">
        <v>4.2300000000000004</v>
      </c>
      <c r="L39" s="13" t="s">
        <v>81</v>
      </c>
      <c r="M39" s="15">
        <v>0.04</v>
      </c>
      <c r="N39" s="15">
        <v>1.7100000000000001E-2</v>
      </c>
      <c r="O39" s="16">
        <v>490000</v>
      </c>
      <c r="P39" s="16">
        <v>113.12</v>
      </c>
      <c r="Q39" s="16">
        <v>0</v>
      </c>
      <c r="R39" s="16">
        <v>554.29</v>
      </c>
      <c r="S39" s="15">
        <v>5.9999999999999995E-4</v>
      </c>
      <c r="T39" s="15">
        <v>5.9900000000000002E-2</v>
      </c>
      <c r="U39" s="15">
        <v>1.2200000000000001E-2</v>
      </c>
      <c r="V39" s="13" t="s">
        <v>7</v>
      </c>
    </row>
    <row r="40" spans="1:22" x14ac:dyDescent="0.2">
      <c r="A40" s="13" t="s">
        <v>7</v>
      </c>
      <c r="B40" s="13" t="s">
        <v>381</v>
      </c>
      <c r="C40" s="14">
        <v>1161751</v>
      </c>
      <c r="D40" s="13" t="s">
        <v>113</v>
      </c>
      <c r="E40" s="13" t="s">
        <v>7</v>
      </c>
      <c r="F40" s="14">
        <v>513901371</v>
      </c>
      <c r="G40" s="13" t="s">
        <v>188</v>
      </c>
      <c r="H40" s="13" t="s">
        <v>189</v>
      </c>
      <c r="I40" s="13" t="s">
        <v>80</v>
      </c>
      <c r="J40" s="13" t="s">
        <v>7</v>
      </c>
      <c r="K40" s="16">
        <v>4.82</v>
      </c>
      <c r="L40" s="13" t="s">
        <v>81</v>
      </c>
      <c r="M40" s="15">
        <v>2.0500000000000001E-2</v>
      </c>
      <c r="N40" s="15">
        <v>1.4500000000000001E-2</v>
      </c>
      <c r="O40" s="16">
        <v>427162</v>
      </c>
      <c r="P40" s="16">
        <v>103.24</v>
      </c>
      <c r="Q40" s="16">
        <v>0</v>
      </c>
      <c r="R40" s="16">
        <v>441</v>
      </c>
      <c r="S40" s="15">
        <v>1E-3</v>
      </c>
      <c r="T40" s="15">
        <v>4.7699999999999999E-2</v>
      </c>
      <c r="U40" s="15">
        <v>9.7000000000000003E-3</v>
      </c>
      <c r="V40" s="13" t="s">
        <v>7</v>
      </c>
    </row>
    <row r="41" spans="1:22" x14ac:dyDescent="0.2">
      <c r="A41" s="13" t="s">
        <v>7</v>
      </c>
      <c r="B41" s="13" t="s">
        <v>190</v>
      </c>
      <c r="C41" s="14">
        <v>1132836</v>
      </c>
      <c r="D41" s="13" t="s">
        <v>113</v>
      </c>
      <c r="E41" s="13" t="s">
        <v>7</v>
      </c>
      <c r="F41" s="14">
        <v>511930125</v>
      </c>
      <c r="G41" s="13" t="s">
        <v>160</v>
      </c>
      <c r="H41" s="13" t="s">
        <v>189</v>
      </c>
      <c r="I41" s="13" t="s">
        <v>80</v>
      </c>
      <c r="J41" s="13" t="s">
        <v>7</v>
      </c>
      <c r="K41" s="16">
        <v>2.17</v>
      </c>
      <c r="L41" s="13" t="s">
        <v>81</v>
      </c>
      <c r="M41" s="15">
        <v>4.1399999999999999E-2</v>
      </c>
      <c r="N41" s="15">
        <v>1.9300000000000001E-2</v>
      </c>
      <c r="O41" s="16">
        <v>247016</v>
      </c>
      <c r="P41" s="16">
        <v>105.83</v>
      </c>
      <c r="Q41" s="16">
        <v>0</v>
      </c>
      <c r="R41" s="16">
        <v>261.42</v>
      </c>
      <c r="S41" s="15">
        <v>4.0000000000000002E-4</v>
      </c>
      <c r="T41" s="15">
        <v>2.8299999999999999E-2</v>
      </c>
      <c r="U41" s="15">
        <v>5.7999999999999996E-3</v>
      </c>
      <c r="V41" s="13" t="s">
        <v>7</v>
      </c>
    </row>
    <row r="42" spans="1:22" x14ac:dyDescent="0.2">
      <c r="A42" s="13" t="s">
        <v>7</v>
      </c>
      <c r="B42" s="13" t="s">
        <v>191</v>
      </c>
      <c r="C42" s="14">
        <v>1129741</v>
      </c>
      <c r="D42" s="13" t="s">
        <v>113</v>
      </c>
      <c r="E42" s="13" t="s">
        <v>7</v>
      </c>
      <c r="F42" s="14">
        <v>520036104</v>
      </c>
      <c r="G42" s="13" t="s">
        <v>192</v>
      </c>
      <c r="H42" s="13" t="s">
        <v>189</v>
      </c>
      <c r="I42" s="13" t="s">
        <v>80</v>
      </c>
      <c r="J42" s="13" t="s">
        <v>7</v>
      </c>
      <c r="K42" s="16">
        <v>2.57</v>
      </c>
      <c r="L42" s="13" t="s">
        <v>81</v>
      </c>
      <c r="M42" s="15">
        <v>6.2300000000000001E-2</v>
      </c>
      <c r="N42" s="15">
        <v>1.5800000000000002E-2</v>
      </c>
      <c r="O42" s="16">
        <v>204594.71</v>
      </c>
      <c r="P42" s="16">
        <v>112.29</v>
      </c>
      <c r="Q42" s="16">
        <v>34.5</v>
      </c>
      <c r="R42" s="16">
        <v>264.24</v>
      </c>
      <c r="S42" s="15">
        <v>4.0000000000000002E-4</v>
      </c>
      <c r="T42" s="15">
        <v>2.86E-2</v>
      </c>
      <c r="U42" s="15">
        <v>5.7999999999999996E-3</v>
      </c>
      <c r="V42" s="13" t="s">
        <v>7</v>
      </c>
    </row>
    <row r="43" spans="1:22" x14ac:dyDescent="0.2">
      <c r="A43" s="13" t="s">
        <v>7</v>
      </c>
      <c r="B43" s="13" t="s">
        <v>193</v>
      </c>
      <c r="C43" s="14">
        <v>7200173</v>
      </c>
      <c r="D43" s="13" t="s">
        <v>113</v>
      </c>
      <c r="E43" s="13" t="s">
        <v>7</v>
      </c>
      <c r="F43" s="14">
        <v>520041146</v>
      </c>
      <c r="G43" s="13" t="s">
        <v>188</v>
      </c>
      <c r="H43" s="13" t="s">
        <v>194</v>
      </c>
      <c r="I43" s="13" t="s">
        <v>154</v>
      </c>
      <c r="J43" s="13" t="s">
        <v>7</v>
      </c>
      <c r="K43" s="16">
        <v>3.88</v>
      </c>
      <c r="L43" s="13" t="s">
        <v>81</v>
      </c>
      <c r="M43" s="15">
        <v>3.4500000000000003E-2</v>
      </c>
      <c r="N43" s="15">
        <v>1.6799999999999999E-2</v>
      </c>
      <c r="O43" s="16">
        <v>338406</v>
      </c>
      <c r="P43" s="16">
        <v>107.28</v>
      </c>
      <c r="Q43" s="16">
        <v>0</v>
      </c>
      <c r="R43" s="16">
        <v>363.04</v>
      </c>
      <c r="S43" s="15">
        <v>5.9999999999999995E-4</v>
      </c>
      <c r="T43" s="15">
        <v>3.9199999999999999E-2</v>
      </c>
      <c r="U43" s="15">
        <v>8.0000000000000002E-3</v>
      </c>
      <c r="V43" s="13" t="s">
        <v>7</v>
      </c>
    </row>
    <row r="44" spans="1:22" x14ac:dyDescent="0.2">
      <c r="A44" s="3" t="s">
        <v>7</v>
      </c>
      <c r="B44" s="3" t="s">
        <v>138</v>
      </c>
      <c r="C44" s="3" t="s">
        <v>7</v>
      </c>
      <c r="D44" s="3" t="s">
        <v>7</v>
      </c>
      <c r="E44" s="3" t="s">
        <v>7</v>
      </c>
      <c r="F44" s="3" t="s">
        <v>7</v>
      </c>
      <c r="G44" s="3" t="s">
        <v>7</v>
      </c>
      <c r="H44" s="3" t="s">
        <v>7</v>
      </c>
      <c r="I44" s="3" t="s">
        <v>7</v>
      </c>
      <c r="J44" s="3" t="s">
        <v>7</v>
      </c>
      <c r="K44" s="12">
        <v>0</v>
      </c>
      <c r="L44" s="3" t="s">
        <v>7</v>
      </c>
      <c r="M44" s="11">
        <v>0</v>
      </c>
      <c r="N44" s="11">
        <v>0</v>
      </c>
      <c r="O44" s="12">
        <v>0</v>
      </c>
      <c r="P44" s="3" t="s">
        <v>7</v>
      </c>
      <c r="Q44" s="12">
        <v>0</v>
      </c>
      <c r="R44" s="12">
        <v>0</v>
      </c>
      <c r="S44" s="3" t="s">
        <v>7</v>
      </c>
      <c r="T44" s="11">
        <v>0</v>
      </c>
      <c r="U44" s="11">
        <v>0</v>
      </c>
      <c r="V44" s="3" t="s">
        <v>7</v>
      </c>
    </row>
    <row r="45" spans="1:22" x14ac:dyDescent="0.2">
      <c r="A45" s="3" t="s">
        <v>7</v>
      </c>
      <c r="B45" s="3" t="s">
        <v>195</v>
      </c>
      <c r="C45" s="3" t="s">
        <v>7</v>
      </c>
      <c r="D45" s="3" t="s">
        <v>7</v>
      </c>
      <c r="E45" s="3" t="s">
        <v>7</v>
      </c>
      <c r="F45" s="3" t="s">
        <v>7</v>
      </c>
      <c r="G45" s="3" t="s">
        <v>7</v>
      </c>
      <c r="H45" s="3" t="s">
        <v>7</v>
      </c>
      <c r="I45" s="3" t="s">
        <v>7</v>
      </c>
      <c r="J45" s="3" t="s">
        <v>7</v>
      </c>
      <c r="K45" s="12">
        <v>0</v>
      </c>
      <c r="L45" s="3" t="s">
        <v>7</v>
      </c>
      <c r="M45" s="11">
        <v>0</v>
      </c>
      <c r="N45" s="11">
        <v>0</v>
      </c>
      <c r="O45" s="12">
        <v>0</v>
      </c>
      <c r="P45" s="3" t="s">
        <v>7</v>
      </c>
      <c r="Q45" s="12">
        <v>0</v>
      </c>
      <c r="R45" s="12">
        <v>0</v>
      </c>
      <c r="S45" s="3" t="s">
        <v>7</v>
      </c>
      <c r="T45" s="11">
        <v>0</v>
      </c>
      <c r="U45" s="11">
        <v>0</v>
      </c>
      <c r="V45" s="3" t="s">
        <v>7</v>
      </c>
    </row>
    <row r="46" spans="1:22" x14ac:dyDescent="0.2">
      <c r="A46" s="3" t="s">
        <v>7</v>
      </c>
      <c r="B46" s="3" t="s">
        <v>88</v>
      </c>
      <c r="C46" s="3" t="s">
        <v>7</v>
      </c>
      <c r="D46" s="3" t="s">
        <v>7</v>
      </c>
      <c r="E46" s="3" t="s">
        <v>7</v>
      </c>
      <c r="F46" s="3" t="s">
        <v>7</v>
      </c>
      <c r="G46" s="3" t="s">
        <v>7</v>
      </c>
      <c r="H46" s="3" t="s">
        <v>7</v>
      </c>
      <c r="I46" s="3" t="s">
        <v>7</v>
      </c>
      <c r="J46" s="3" t="s">
        <v>7</v>
      </c>
      <c r="K46" s="12">
        <v>3.5</v>
      </c>
      <c r="L46" s="3" t="s">
        <v>7</v>
      </c>
      <c r="M46" s="11">
        <v>3.5000000000000003E-2</v>
      </c>
      <c r="N46" s="11">
        <v>1.77E-2</v>
      </c>
      <c r="O46" s="12">
        <v>400000</v>
      </c>
      <c r="P46" s="3" t="s">
        <v>7</v>
      </c>
      <c r="Q46" s="12">
        <v>0</v>
      </c>
      <c r="R46" s="12">
        <v>1517.36</v>
      </c>
      <c r="S46" s="3" t="s">
        <v>7</v>
      </c>
      <c r="T46" s="11">
        <v>0.16400000000000001</v>
      </c>
      <c r="U46" s="11">
        <v>3.3500000000000002E-2</v>
      </c>
      <c r="V46" s="3" t="s">
        <v>7</v>
      </c>
    </row>
    <row r="47" spans="1:22" x14ac:dyDescent="0.2">
      <c r="A47" s="3" t="s">
        <v>7</v>
      </c>
      <c r="B47" s="3" t="s">
        <v>140</v>
      </c>
      <c r="C47" s="3" t="s">
        <v>7</v>
      </c>
      <c r="D47" s="3" t="s">
        <v>7</v>
      </c>
      <c r="E47" s="3" t="s">
        <v>7</v>
      </c>
      <c r="F47" s="3" t="s">
        <v>7</v>
      </c>
      <c r="G47" s="3" t="s">
        <v>7</v>
      </c>
      <c r="H47" s="3" t="s">
        <v>7</v>
      </c>
      <c r="I47" s="3" t="s">
        <v>7</v>
      </c>
      <c r="J47" s="3" t="s">
        <v>7</v>
      </c>
      <c r="K47" s="12">
        <v>0</v>
      </c>
      <c r="L47" s="3" t="s">
        <v>7</v>
      </c>
      <c r="M47" s="11">
        <v>0</v>
      </c>
      <c r="N47" s="11">
        <v>0</v>
      </c>
      <c r="O47" s="12">
        <v>0</v>
      </c>
      <c r="P47" s="3" t="s">
        <v>7</v>
      </c>
      <c r="Q47" s="12">
        <v>0</v>
      </c>
      <c r="R47" s="12">
        <v>0</v>
      </c>
      <c r="S47" s="3" t="s">
        <v>7</v>
      </c>
      <c r="T47" s="11">
        <v>0</v>
      </c>
      <c r="U47" s="11">
        <v>0</v>
      </c>
      <c r="V47" s="3" t="s">
        <v>7</v>
      </c>
    </row>
    <row r="48" spans="1:22" x14ac:dyDescent="0.2">
      <c r="A48" s="3" t="s">
        <v>7</v>
      </c>
      <c r="B48" s="3" t="s">
        <v>139</v>
      </c>
      <c r="C48" s="3" t="s">
        <v>7</v>
      </c>
      <c r="D48" s="3" t="s">
        <v>7</v>
      </c>
      <c r="E48" s="3" t="s">
        <v>7</v>
      </c>
      <c r="F48" s="3" t="s">
        <v>7</v>
      </c>
      <c r="G48" s="3" t="s">
        <v>7</v>
      </c>
      <c r="H48" s="3" t="s">
        <v>7</v>
      </c>
      <c r="I48" s="3" t="s">
        <v>7</v>
      </c>
      <c r="J48" s="3" t="s">
        <v>7</v>
      </c>
      <c r="K48" s="12">
        <v>3.5</v>
      </c>
      <c r="L48" s="3" t="s">
        <v>7</v>
      </c>
      <c r="M48" s="11">
        <v>3.5000000000000003E-2</v>
      </c>
      <c r="N48" s="11">
        <v>1.77E-2</v>
      </c>
      <c r="O48" s="12">
        <v>400000</v>
      </c>
      <c r="P48" s="3" t="s">
        <v>7</v>
      </c>
      <c r="Q48" s="12">
        <v>0</v>
      </c>
      <c r="R48" s="12">
        <v>1517.36</v>
      </c>
      <c r="S48" s="3" t="s">
        <v>7</v>
      </c>
      <c r="T48" s="11">
        <v>0.16400000000000001</v>
      </c>
      <c r="U48" s="11">
        <v>3.3500000000000002E-2</v>
      </c>
      <c r="V48" s="3" t="s">
        <v>7</v>
      </c>
    </row>
    <row r="49" spans="1:22" x14ac:dyDescent="0.2">
      <c r="A49" s="13" t="s">
        <v>7</v>
      </c>
      <c r="B49" s="13" t="s">
        <v>196</v>
      </c>
      <c r="C49" s="13" t="s">
        <v>197</v>
      </c>
      <c r="D49" s="13" t="s">
        <v>198</v>
      </c>
      <c r="E49" s="13" t="s">
        <v>199</v>
      </c>
      <c r="F49" s="14">
        <v>98407</v>
      </c>
      <c r="G49" s="13" t="s">
        <v>200</v>
      </c>
      <c r="H49" s="13" t="s">
        <v>201</v>
      </c>
      <c r="I49" s="13" t="s">
        <v>202</v>
      </c>
      <c r="J49" s="13" t="s">
        <v>7</v>
      </c>
      <c r="K49" s="16">
        <v>4.03</v>
      </c>
      <c r="L49" s="13" t="s">
        <v>48</v>
      </c>
      <c r="M49" s="15">
        <v>4.0300000000000002E-2</v>
      </c>
      <c r="N49" s="15">
        <v>1.5699999999999999E-2</v>
      </c>
      <c r="O49" s="16">
        <v>100000</v>
      </c>
      <c r="P49" s="16">
        <v>113.52</v>
      </c>
      <c r="Q49" s="16">
        <v>0</v>
      </c>
      <c r="R49" s="16">
        <v>378.47</v>
      </c>
      <c r="S49" s="15">
        <v>1E-4</v>
      </c>
      <c r="T49" s="15">
        <v>4.0899999999999999E-2</v>
      </c>
      <c r="U49" s="15">
        <v>8.3999999999999995E-3</v>
      </c>
      <c r="V49" s="14">
        <v>62011424</v>
      </c>
    </row>
    <row r="50" spans="1:22" x14ac:dyDescent="0.2">
      <c r="A50" s="13" t="s">
        <v>7</v>
      </c>
      <c r="B50" s="13" t="s">
        <v>203</v>
      </c>
      <c r="C50" s="13" t="s">
        <v>204</v>
      </c>
      <c r="D50" s="13" t="s">
        <v>205</v>
      </c>
      <c r="E50" s="13" t="s">
        <v>199</v>
      </c>
      <c r="F50" s="14">
        <v>99769</v>
      </c>
      <c r="G50" s="13" t="s">
        <v>206</v>
      </c>
      <c r="H50" s="13" t="s">
        <v>207</v>
      </c>
      <c r="I50" s="13" t="s">
        <v>208</v>
      </c>
      <c r="J50" s="13" t="s">
        <v>7</v>
      </c>
      <c r="K50" s="16">
        <v>2.78</v>
      </c>
      <c r="L50" s="13" t="s">
        <v>48</v>
      </c>
      <c r="M50" s="15">
        <v>2.7799999999999998E-2</v>
      </c>
      <c r="N50" s="15">
        <v>1.7100000000000001E-2</v>
      </c>
      <c r="O50" s="16">
        <v>200000</v>
      </c>
      <c r="P50" s="16">
        <v>114.95</v>
      </c>
      <c r="Q50" s="16">
        <v>0</v>
      </c>
      <c r="R50" s="16">
        <v>766.48</v>
      </c>
      <c r="S50" s="15">
        <v>1E-4</v>
      </c>
      <c r="T50" s="15">
        <v>8.2900000000000001E-2</v>
      </c>
      <c r="U50" s="15">
        <v>1.6899999999999998E-2</v>
      </c>
      <c r="V50" s="14">
        <v>60357878</v>
      </c>
    </row>
    <row r="51" spans="1:22" x14ac:dyDescent="0.2">
      <c r="A51" s="13" t="s">
        <v>7</v>
      </c>
      <c r="B51" s="13" t="s">
        <v>209</v>
      </c>
      <c r="C51" s="13" t="s">
        <v>210</v>
      </c>
      <c r="D51" s="13" t="s">
        <v>198</v>
      </c>
      <c r="E51" s="13" t="s">
        <v>199</v>
      </c>
      <c r="F51" s="14">
        <v>95042</v>
      </c>
      <c r="G51" s="13" t="s">
        <v>211</v>
      </c>
      <c r="H51" s="13" t="s">
        <v>212</v>
      </c>
      <c r="I51" s="13" t="s">
        <v>202</v>
      </c>
      <c r="J51" s="13" t="s">
        <v>7</v>
      </c>
      <c r="K51" s="16">
        <v>4.43</v>
      </c>
      <c r="L51" s="13" t="s">
        <v>48</v>
      </c>
      <c r="M51" s="15">
        <v>4.4299999999999999E-2</v>
      </c>
      <c r="N51" s="15">
        <v>2.0799999999999999E-2</v>
      </c>
      <c r="O51" s="16">
        <v>100000</v>
      </c>
      <c r="P51" s="16">
        <v>111.7</v>
      </c>
      <c r="Q51" s="16">
        <v>0</v>
      </c>
      <c r="R51" s="16">
        <v>372.41</v>
      </c>
      <c r="S51" s="15">
        <v>1E-4</v>
      </c>
      <c r="T51" s="15">
        <v>4.0300000000000002E-2</v>
      </c>
      <c r="U51" s="15">
        <v>8.2000000000000007E-3</v>
      </c>
      <c r="V51" s="14">
        <v>62011432</v>
      </c>
    </row>
    <row r="52" spans="1:22" x14ac:dyDescent="0.2">
      <c r="A52" s="8" t="s">
        <v>7</v>
      </c>
      <c r="B52" s="8" t="s">
        <v>90</v>
      </c>
      <c r="C52" s="8" t="s">
        <v>7</v>
      </c>
      <c r="D52" s="8" t="s">
        <v>7</v>
      </c>
      <c r="E52" s="8" t="s">
        <v>7</v>
      </c>
      <c r="F52" s="8" t="s">
        <v>7</v>
      </c>
      <c r="G52" s="8" t="s">
        <v>7</v>
      </c>
      <c r="H52" s="8" t="s">
        <v>7</v>
      </c>
      <c r="I52" s="8" t="s">
        <v>7</v>
      </c>
      <c r="J52" s="8" t="s">
        <v>7</v>
      </c>
      <c r="K52" s="8" t="s">
        <v>7</v>
      </c>
      <c r="L52" s="8" t="s">
        <v>7</v>
      </c>
      <c r="M52" s="8" t="s">
        <v>7</v>
      </c>
      <c r="N52" s="8" t="s">
        <v>7</v>
      </c>
      <c r="O52" s="8" t="s">
        <v>7</v>
      </c>
      <c r="P52" s="8" t="s">
        <v>7</v>
      </c>
      <c r="Q52" s="8" t="s">
        <v>7</v>
      </c>
      <c r="R52" s="8" t="s">
        <v>7</v>
      </c>
      <c r="S52" s="8" t="s">
        <v>7</v>
      </c>
      <c r="T52" s="8" t="s">
        <v>7</v>
      </c>
      <c r="U52" s="8" t="s">
        <v>7</v>
      </c>
      <c r="V52" s="8" t="s">
        <v>7</v>
      </c>
    </row>
    <row r="53" spans="1:22" x14ac:dyDescent="0.2">
      <c r="A53" s="8" t="s">
        <v>7</v>
      </c>
      <c r="B53" s="8" t="s">
        <v>129</v>
      </c>
      <c r="C53" s="8" t="s">
        <v>7</v>
      </c>
      <c r="D53" s="8" t="s">
        <v>7</v>
      </c>
      <c r="E53" s="8" t="s">
        <v>7</v>
      </c>
      <c r="F53" s="8" t="s">
        <v>7</v>
      </c>
      <c r="G53" s="8" t="s">
        <v>7</v>
      </c>
      <c r="H53" s="8" t="s">
        <v>7</v>
      </c>
      <c r="I53" s="8" t="s">
        <v>7</v>
      </c>
      <c r="J53" s="8" t="s">
        <v>7</v>
      </c>
      <c r="K53" s="8" t="s">
        <v>7</v>
      </c>
      <c r="L53" s="8" t="s">
        <v>7</v>
      </c>
      <c r="M53" s="8" t="s">
        <v>7</v>
      </c>
      <c r="N53" s="8" t="s">
        <v>7</v>
      </c>
      <c r="O53" s="8" t="s">
        <v>7</v>
      </c>
      <c r="P53" s="8" t="s">
        <v>7</v>
      </c>
      <c r="Q53" s="8" t="s">
        <v>7</v>
      </c>
      <c r="R53" s="8" t="s">
        <v>7</v>
      </c>
      <c r="S53" s="8" t="s">
        <v>7</v>
      </c>
      <c r="T53" s="8" t="s">
        <v>7</v>
      </c>
      <c r="U53" s="8" t="s">
        <v>7</v>
      </c>
      <c r="V53" s="8" t="s">
        <v>7</v>
      </c>
    </row>
    <row r="54" spans="1:22" x14ac:dyDescent="0.2">
      <c r="A54" s="7" t="s">
        <v>52</v>
      </c>
      <c r="B54" s="7" t="s">
        <v>53</v>
      </c>
    </row>
  </sheetData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6"/>
  <sheetViews>
    <sheetView rightToLeft="1" topLeftCell="A10" workbookViewId="0">
      <selection activeCell="G28" sqref="G28"/>
    </sheetView>
  </sheetViews>
  <sheetFormatPr defaultRowHeight="14.25" x14ac:dyDescent="0.2"/>
  <cols>
    <col min="1" max="1" width="2" customWidth="1"/>
    <col min="2" max="2" width="34" customWidth="1"/>
    <col min="3" max="5" width="11" customWidth="1"/>
    <col min="6" max="6" width="12" customWidth="1"/>
    <col min="7" max="7" width="19" customWidth="1"/>
    <col min="8" max="10" width="10" customWidth="1"/>
    <col min="11" max="11" width="14" customWidth="1"/>
    <col min="12" max="12" width="10" customWidth="1"/>
    <col min="13" max="13" width="22" customWidth="1"/>
    <col min="14" max="14" width="24" customWidth="1"/>
    <col min="15" max="15" width="23" customWidth="1"/>
    <col min="16" max="16" width="2" customWidth="1"/>
  </cols>
  <sheetData>
    <row r="1" spans="1:16" x14ac:dyDescent="0.2">
      <c r="B1" s="7" t="s">
        <v>0</v>
      </c>
      <c r="C1" s="7" t="s">
        <v>1</v>
      </c>
    </row>
    <row r="2" spans="1:16" x14ac:dyDescent="0.2">
      <c r="B2" s="7" t="s">
        <v>2</v>
      </c>
      <c r="C2" s="7" t="s">
        <v>3</v>
      </c>
    </row>
    <row r="3" spans="1:16" x14ac:dyDescent="0.2">
      <c r="B3" s="7" t="s">
        <v>4</v>
      </c>
      <c r="C3" s="7" t="s">
        <v>5</v>
      </c>
    </row>
    <row r="4" spans="1:16" x14ac:dyDescent="0.2">
      <c r="B4" s="7" t="s">
        <v>6</v>
      </c>
      <c r="C4" s="7">
        <v>1476</v>
      </c>
    </row>
    <row r="5" spans="1:16" x14ac:dyDescent="0.2">
      <c r="B5" s="7" t="s">
        <v>7</v>
      </c>
      <c r="C5" s="7" t="s">
        <v>7</v>
      </c>
    </row>
    <row r="6" spans="1:16" x14ac:dyDescent="0.2">
      <c r="A6" s="1" t="s">
        <v>7</v>
      </c>
      <c r="B6" s="1" t="s">
        <v>9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1:16" x14ac:dyDescent="0.2">
      <c r="A7" s="1" t="s">
        <v>7</v>
      </c>
      <c r="B7" s="1" t="s">
        <v>213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</row>
    <row r="8" spans="1:16" x14ac:dyDescent="0.2">
      <c r="A8" s="1" t="s">
        <v>7</v>
      </c>
      <c r="B8" s="1" t="s">
        <v>55</v>
      </c>
      <c r="C8" s="1" t="s">
        <v>56</v>
      </c>
      <c r="D8" s="1" t="s">
        <v>93</v>
      </c>
      <c r="E8" s="1" t="s">
        <v>131</v>
      </c>
      <c r="F8" s="1" t="s">
        <v>57</v>
      </c>
      <c r="G8" s="1" t="s">
        <v>132</v>
      </c>
      <c r="H8" s="1" t="s">
        <v>60</v>
      </c>
      <c r="I8" s="1" t="s">
        <v>96</v>
      </c>
      <c r="J8" s="1" t="s">
        <v>97</v>
      </c>
      <c r="K8" s="1" t="s">
        <v>214</v>
      </c>
      <c r="L8" s="1" t="s">
        <v>63</v>
      </c>
      <c r="M8" s="1" t="s">
        <v>99</v>
      </c>
      <c r="N8" s="1" t="s">
        <v>64</v>
      </c>
      <c r="O8" s="1" t="s">
        <v>100</v>
      </c>
      <c r="P8" s="1" t="s">
        <v>7</v>
      </c>
    </row>
    <row r="9" spans="1:16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102</v>
      </c>
      <c r="J9" s="1" t="s">
        <v>103</v>
      </c>
      <c r="K9" s="1" t="s">
        <v>11</v>
      </c>
      <c r="L9" s="1" t="s">
        <v>11</v>
      </c>
      <c r="M9" s="1" t="s">
        <v>12</v>
      </c>
      <c r="N9" s="1" t="s">
        <v>12</v>
      </c>
      <c r="O9" s="1" t="s">
        <v>12</v>
      </c>
      <c r="P9" s="1" t="s">
        <v>7</v>
      </c>
    </row>
    <row r="10" spans="1:16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104</v>
      </c>
      <c r="N10" s="1" t="s">
        <v>105</v>
      </c>
      <c r="O10" s="1" t="s">
        <v>106</v>
      </c>
      <c r="P10" s="1" t="s">
        <v>7</v>
      </c>
    </row>
    <row r="11" spans="1:16" x14ac:dyDescent="0.2">
      <c r="A11" s="8" t="s">
        <v>7</v>
      </c>
      <c r="B11" s="8" t="s">
        <v>215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8" t="s">
        <v>7</v>
      </c>
      <c r="I11" s="10">
        <v>2.82</v>
      </c>
      <c r="J11" s="8" t="s">
        <v>7</v>
      </c>
      <c r="K11" s="10">
        <v>0</v>
      </c>
      <c r="L11" s="10">
        <v>0.03</v>
      </c>
      <c r="M11" s="8" t="s">
        <v>7</v>
      </c>
      <c r="N11" s="9">
        <v>1</v>
      </c>
      <c r="O11" s="9">
        <v>0</v>
      </c>
      <c r="P11" s="8" t="s">
        <v>7</v>
      </c>
    </row>
    <row r="12" spans="1:16" x14ac:dyDescent="0.2">
      <c r="A12" s="3" t="s">
        <v>7</v>
      </c>
      <c r="B12" s="3" t="s">
        <v>75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12">
        <v>2.82</v>
      </c>
      <c r="J12" s="3" t="s">
        <v>7</v>
      </c>
      <c r="K12" s="12">
        <v>0</v>
      </c>
      <c r="L12" s="12">
        <v>0.03</v>
      </c>
      <c r="M12" s="3" t="s">
        <v>7</v>
      </c>
      <c r="N12" s="11">
        <v>1</v>
      </c>
      <c r="O12" s="11">
        <v>0</v>
      </c>
      <c r="P12" s="3" t="s">
        <v>7</v>
      </c>
    </row>
    <row r="13" spans="1:16" x14ac:dyDescent="0.2">
      <c r="A13" s="3" t="s">
        <v>7</v>
      </c>
      <c r="B13" s="3" t="s">
        <v>216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12">
        <v>1.6</v>
      </c>
      <c r="J13" s="3" t="s">
        <v>7</v>
      </c>
      <c r="K13" s="12">
        <v>0</v>
      </c>
      <c r="L13" s="12">
        <v>0.01</v>
      </c>
      <c r="M13" s="3" t="s">
        <v>7</v>
      </c>
      <c r="N13" s="17">
        <v>0.48599999999999999</v>
      </c>
      <c r="O13" s="17">
        <v>0</v>
      </c>
      <c r="P13" s="3" t="s">
        <v>7</v>
      </c>
    </row>
    <row r="14" spans="1:16" x14ac:dyDescent="0.2">
      <c r="A14" s="13" t="s">
        <v>7</v>
      </c>
      <c r="B14" s="13" t="s">
        <v>217</v>
      </c>
      <c r="C14" s="14">
        <v>226019</v>
      </c>
      <c r="D14" s="13" t="s">
        <v>113</v>
      </c>
      <c r="E14" s="13" t="s">
        <v>7</v>
      </c>
      <c r="F14" s="14">
        <v>520024126</v>
      </c>
      <c r="G14" s="13" t="s">
        <v>152</v>
      </c>
      <c r="H14" s="13" t="s">
        <v>81</v>
      </c>
      <c r="I14" s="16">
        <v>1.6</v>
      </c>
      <c r="J14" s="16">
        <v>821.2</v>
      </c>
      <c r="K14" s="16">
        <v>0</v>
      </c>
      <c r="L14" s="16">
        <v>0.01</v>
      </c>
      <c r="M14" s="15">
        <v>0</v>
      </c>
      <c r="N14" s="15">
        <v>0.48599999999999999</v>
      </c>
      <c r="O14" s="15">
        <v>0</v>
      </c>
      <c r="P14" s="13" t="s">
        <v>7</v>
      </c>
    </row>
    <row r="15" spans="1:16" x14ac:dyDescent="0.2">
      <c r="A15" s="3" t="s">
        <v>7</v>
      </c>
      <c r="B15" s="3" t="s">
        <v>218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3" t="s">
        <v>7</v>
      </c>
      <c r="I15" s="12">
        <v>1.22</v>
      </c>
      <c r="J15" s="3" t="s">
        <v>7</v>
      </c>
      <c r="K15" s="12">
        <v>0</v>
      </c>
      <c r="L15" s="12">
        <v>0.01</v>
      </c>
      <c r="M15" s="3" t="s">
        <v>7</v>
      </c>
      <c r="N15" s="11">
        <v>0.51390000000000002</v>
      </c>
      <c r="O15" s="11">
        <v>0</v>
      </c>
      <c r="P15" s="3" t="s">
        <v>7</v>
      </c>
    </row>
    <row r="16" spans="1:16" x14ac:dyDescent="0.2">
      <c r="A16" s="13" t="s">
        <v>7</v>
      </c>
      <c r="B16" s="13" t="s">
        <v>219</v>
      </c>
      <c r="C16" s="14">
        <v>1157403</v>
      </c>
      <c r="D16" s="13" t="s">
        <v>113</v>
      </c>
      <c r="E16" s="13" t="s">
        <v>7</v>
      </c>
      <c r="F16" s="14">
        <v>1773</v>
      </c>
      <c r="G16" s="13" t="s">
        <v>169</v>
      </c>
      <c r="H16" s="13" t="s">
        <v>81</v>
      </c>
      <c r="I16" s="16">
        <v>1.22</v>
      </c>
      <c r="J16" s="16">
        <v>1148</v>
      </c>
      <c r="K16" s="16">
        <v>0</v>
      </c>
      <c r="L16" s="16">
        <v>0.01</v>
      </c>
      <c r="M16" s="15">
        <v>0</v>
      </c>
      <c r="N16" s="15">
        <v>0.51390000000000002</v>
      </c>
      <c r="O16" s="15">
        <v>0</v>
      </c>
      <c r="P16" s="13" t="s">
        <v>7</v>
      </c>
    </row>
    <row r="17" spans="1:16" x14ac:dyDescent="0.2">
      <c r="A17" s="3" t="s">
        <v>7</v>
      </c>
      <c r="B17" s="3" t="s">
        <v>220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3" t="s">
        <v>7</v>
      </c>
      <c r="I17" s="12">
        <v>0</v>
      </c>
      <c r="J17" s="3" t="s">
        <v>7</v>
      </c>
      <c r="K17" s="12">
        <v>0</v>
      </c>
      <c r="L17" s="12">
        <v>0</v>
      </c>
      <c r="M17" s="3" t="s">
        <v>7</v>
      </c>
      <c r="N17" s="11">
        <v>0</v>
      </c>
      <c r="O17" s="11">
        <v>0</v>
      </c>
      <c r="P17" s="3" t="s">
        <v>7</v>
      </c>
    </row>
    <row r="18" spans="1:16" x14ac:dyDescent="0.2">
      <c r="A18" s="3" t="s">
        <v>7</v>
      </c>
      <c r="B18" s="3" t="s">
        <v>221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3" t="s">
        <v>7</v>
      </c>
      <c r="I18" s="12">
        <v>0</v>
      </c>
      <c r="J18" s="3" t="s">
        <v>7</v>
      </c>
      <c r="K18" s="12">
        <v>0</v>
      </c>
      <c r="L18" s="12">
        <v>0</v>
      </c>
      <c r="M18" s="3" t="s">
        <v>7</v>
      </c>
      <c r="N18" s="11">
        <v>0</v>
      </c>
      <c r="O18" s="11">
        <v>0</v>
      </c>
      <c r="P18" s="3" t="s">
        <v>7</v>
      </c>
    </row>
    <row r="19" spans="1:16" x14ac:dyDescent="0.2">
      <c r="A19" s="3" t="s">
        <v>7</v>
      </c>
      <c r="B19" s="3" t="s">
        <v>222</v>
      </c>
      <c r="C19" s="3" t="s">
        <v>7</v>
      </c>
      <c r="D19" s="3" t="s">
        <v>7</v>
      </c>
      <c r="E19" s="3" t="s">
        <v>7</v>
      </c>
      <c r="F19" s="3" t="s">
        <v>7</v>
      </c>
      <c r="G19" s="3" t="s">
        <v>7</v>
      </c>
      <c r="H19" s="3" t="s">
        <v>7</v>
      </c>
      <c r="I19" s="3" t="s">
        <v>7</v>
      </c>
      <c r="J19" s="3" t="s">
        <v>7</v>
      </c>
      <c r="K19" s="3" t="s">
        <v>7</v>
      </c>
      <c r="L19" s="3" t="s">
        <v>7</v>
      </c>
      <c r="M19" s="3" t="s">
        <v>7</v>
      </c>
      <c r="N19" s="3" t="s">
        <v>7</v>
      </c>
      <c r="O19" s="3" t="s">
        <v>7</v>
      </c>
      <c r="P19" s="3" t="s">
        <v>7</v>
      </c>
    </row>
    <row r="20" spans="1:16" x14ac:dyDescent="0.2">
      <c r="A20" s="3" t="s">
        <v>7</v>
      </c>
      <c r="B20" s="3" t="s">
        <v>223</v>
      </c>
      <c r="C20" s="3" t="s">
        <v>7</v>
      </c>
      <c r="D20" s="3" t="s">
        <v>7</v>
      </c>
      <c r="E20" s="3" t="s">
        <v>7</v>
      </c>
      <c r="F20" s="3" t="s">
        <v>7</v>
      </c>
      <c r="G20" s="3" t="s">
        <v>7</v>
      </c>
      <c r="H20" s="3" t="s">
        <v>7</v>
      </c>
      <c r="I20" s="3" t="s">
        <v>7</v>
      </c>
      <c r="J20" s="3" t="s">
        <v>7</v>
      </c>
      <c r="K20" s="3" t="s">
        <v>7</v>
      </c>
      <c r="L20" s="3" t="s">
        <v>7</v>
      </c>
      <c r="M20" s="3" t="s">
        <v>7</v>
      </c>
      <c r="N20" s="3" t="s">
        <v>7</v>
      </c>
      <c r="O20" s="3" t="s">
        <v>7</v>
      </c>
      <c r="P20" s="3" t="s">
        <v>7</v>
      </c>
    </row>
    <row r="21" spans="1:16" x14ac:dyDescent="0.2">
      <c r="A21" s="3" t="s">
        <v>7</v>
      </c>
      <c r="B21" s="3" t="s">
        <v>88</v>
      </c>
      <c r="C21" s="3" t="s">
        <v>7</v>
      </c>
      <c r="D21" s="3" t="s">
        <v>7</v>
      </c>
      <c r="E21" s="3" t="s">
        <v>7</v>
      </c>
      <c r="F21" s="3" t="s">
        <v>7</v>
      </c>
      <c r="G21" s="3" t="s">
        <v>7</v>
      </c>
      <c r="H21" s="3" t="s">
        <v>7</v>
      </c>
      <c r="I21" s="12">
        <v>0</v>
      </c>
      <c r="J21" s="3" t="s">
        <v>7</v>
      </c>
      <c r="K21" s="12">
        <v>0</v>
      </c>
      <c r="L21" s="12">
        <v>0</v>
      </c>
      <c r="M21" s="3" t="s">
        <v>7</v>
      </c>
      <c r="N21" s="11">
        <v>0</v>
      </c>
      <c r="O21" s="11">
        <v>0</v>
      </c>
      <c r="P21" s="3" t="s">
        <v>7</v>
      </c>
    </row>
    <row r="22" spans="1:16" x14ac:dyDescent="0.2">
      <c r="A22" s="3" t="s">
        <v>7</v>
      </c>
      <c r="B22" s="3" t="s">
        <v>140</v>
      </c>
      <c r="C22" s="3" t="s">
        <v>7</v>
      </c>
      <c r="D22" s="3" t="s">
        <v>7</v>
      </c>
      <c r="E22" s="3" t="s">
        <v>7</v>
      </c>
      <c r="F22" s="3" t="s">
        <v>7</v>
      </c>
      <c r="G22" s="3" t="s">
        <v>7</v>
      </c>
      <c r="H22" s="3" t="s">
        <v>7</v>
      </c>
      <c r="I22" s="12">
        <v>0</v>
      </c>
      <c r="J22" s="3" t="s">
        <v>7</v>
      </c>
      <c r="K22" s="12">
        <v>0</v>
      </c>
      <c r="L22" s="12">
        <v>0</v>
      </c>
      <c r="M22" s="3" t="s">
        <v>7</v>
      </c>
      <c r="N22" s="11">
        <v>0</v>
      </c>
      <c r="O22" s="11">
        <v>0</v>
      </c>
      <c r="P22" s="3" t="s">
        <v>7</v>
      </c>
    </row>
    <row r="23" spans="1:16" x14ac:dyDescent="0.2">
      <c r="A23" s="3" t="s">
        <v>7</v>
      </c>
      <c r="B23" s="3" t="s">
        <v>139</v>
      </c>
      <c r="C23" s="3" t="s">
        <v>7</v>
      </c>
      <c r="D23" s="3" t="s">
        <v>7</v>
      </c>
      <c r="E23" s="3" t="s">
        <v>7</v>
      </c>
      <c r="F23" s="3" t="s">
        <v>7</v>
      </c>
      <c r="G23" s="3" t="s">
        <v>7</v>
      </c>
      <c r="H23" s="3" t="s">
        <v>7</v>
      </c>
      <c r="I23" s="12">
        <v>0</v>
      </c>
      <c r="J23" s="3" t="s">
        <v>7</v>
      </c>
      <c r="K23" s="12">
        <v>0</v>
      </c>
      <c r="L23" s="12">
        <v>0</v>
      </c>
      <c r="M23" s="3" t="s">
        <v>7</v>
      </c>
      <c r="N23" s="11">
        <v>0</v>
      </c>
      <c r="O23" s="11">
        <v>0</v>
      </c>
      <c r="P23" s="3" t="s">
        <v>7</v>
      </c>
    </row>
    <row r="24" spans="1:16" x14ac:dyDescent="0.2">
      <c r="A24" s="8" t="s">
        <v>7</v>
      </c>
      <c r="B24" s="8" t="s">
        <v>90</v>
      </c>
      <c r="C24" s="8" t="s">
        <v>7</v>
      </c>
      <c r="D24" s="8" t="s">
        <v>7</v>
      </c>
      <c r="E24" s="8" t="s">
        <v>7</v>
      </c>
      <c r="F24" s="8" t="s">
        <v>7</v>
      </c>
      <c r="G24" s="8" t="s">
        <v>7</v>
      </c>
      <c r="H24" s="8" t="s">
        <v>7</v>
      </c>
      <c r="I24" s="8" t="s">
        <v>7</v>
      </c>
      <c r="J24" s="8" t="s">
        <v>7</v>
      </c>
      <c r="K24" s="8" t="s">
        <v>7</v>
      </c>
      <c r="L24" s="8" t="s">
        <v>7</v>
      </c>
      <c r="M24" s="8" t="s">
        <v>7</v>
      </c>
      <c r="N24" s="8" t="s">
        <v>7</v>
      </c>
      <c r="O24" s="8" t="s">
        <v>7</v>
      </c>
      <c r="P24" s="8" t="s">
        <v>7</v>
      </c>
    </row>
    <row r="25" spans="1:16" x14ac:dyDescent="0.2">
      <c r="A25" s="8" t="s">
        <v>7</v>
      </c>
      <c r="B25" s="8" t="s">
        <v>129</v>
      </c>
      <c r="C25" s="8" t="s">
        <v>7</v>
      </c>
      <c r="D25" s="8" t="s">
        <v>7</v>
      </c>
      <c r="E25" s="8" t="s">
        <v>7</v>
      </c>
      <c r="F25" s="8" t="s">
        <v>7</v>
      </c>
      <c r="G25" s="8" t="s">
        <v>7</v>
      </c>
      <c r="H25" s="8" t="s">
        <v>7</v>
      </c>
      <c r="I25" s="8" t="s">
        <v>7</v>
      </c>
      <c r="J25" s="8" t="s">
        <v>7</v>
      </c>
      <c r="K25" s="8" t="s">
        <v>7</v>
      </c>
      <c r="L25" s="8" t="s">
        <v>7</v>
      </c>
      <c r="M25" s="8" t="s">
        <v>7</v>
      </c>
      <c r="N25" s="8" t="s">
        <v>7</v>
      </c>
      <c r="O25" s="8" t="s">
        <v>7</v>
      </c>
      <c r="P25" s="8" t="s">
        <v>7</v>
      </c>
    </row>
    <row r="26" spans="1:16" x14ac:dyDescent="0.2">
      <c r="A26" s="7" t="s">
        <v>52</v>
      </c>
      <c r="B26" s="7" t="s">
        <v>53</v>
      </c>
    </row>
  </sheetData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31"/>
  <sheetViews>
    <sheetView rightToLeft="1" topLeftCell="A16" workbookViewId="0"/>
  </sheetViews>
  <sheetFormatPr defaultRowHeight="14.25" x14ac:dyDescent="0.2"/>
  <cols>
    <col min="1" max="1" width="2" customWidth="1"/>
    <col min="2" max="2" width="38" customWidth="1"/>
    <col min="3" max="3" width="15" customWidth="1"/>
    <col min="4" max="4" width="11" customWidth="1"/>
    <col min="5" max="5" width="12" customWidth="1"/>
    <col min="6" max="6" width="10" customWidth="1"/>
    <col min="7" max="7" width="14" customWidth="1"/>
    <col min="8" max="8" width="12" customWidth="1"/>
    <col min="9" max="9" width="11" customWidth="1"/>
    <col min="10" max="10" width="18" customWidth="1"/>
    <col min="11" max="11" width="10" customWidth="1"/>
    <col min="12" max="12" width="22" customWidth="1"/>
    <col min="13" max="13" width="24" customWidth="1"/>
    <col min="14" max="14" width="23" customWidth="1"/>
    <col min="15" max="15" width="11" customWidth="1"/>
  </cols>
  <sheetData>
    <row r="1" spans="1:15" x14ac:dyDescent="0.2">
      <c r="B1" s="7" t="s">
        <v>0</v>
      </c>
      <c r="C1" s="7" t="s">
        <v>1</v>
      </c>
    </row>
    <row r="2" spans="1:15" x14ac:dyDescent="0.2">
      <c r="B2" s="7" t="s">
        <v>2</v>
      </c>
      <c r="C2" s="7" t="s">
        <v>3</v>
      </c>
    </row>
    <row r="3" spans="1:15" x14ac:dyDescent="0.2">
      <c r="B3" s="7" t="s">
        <v>4</v>
      </c>
      <c r="C3" s="7" t="s">
        <v>5</v>
      </c>
    </row>
    <row r="4" spans="1:15" x14ac:dyDescent="0.2">
      <c r="B4" s="7" t="s">
        <v>6</v>
      </c>
      <c r="C4" s="7">
        <v>1476</v>
      </c>
    </row>
    <row r="5" spans="1:15" x14ac:dyDescent="0.2">
      <c r="B5" s="7" t="s">
        <v>7</v>
      </c>
      <c r="C5" s="7" t="s">
        <v>7</v>
      </c>
    </row>
    <row r="6" spans="1:15" x14ac:dyDescent="0.2">
      <c r="A6" s="1" t="s">
        <v>7</v>
      </c>
      <c r="B6" s="1" t="s">
        <v>9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</row>
    <row r="7" spans="1:15" x14ac:dyDescent="0.2">
      <c r="A7" s="1" t="s">
        <v>7</v>
      </c>
      <c r="B7" s="1" t="s">
        <v>224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</row>
    <row r="8" spans="1:15" x14ac:dyDescent="0.2">
      <c r="A8" s="1" t="s">
        <v>7</v>
      </c>
      <c r="B8" s="1" t="s">
        <v>55</v>
      </c>
      <c r="C8" s="1" t="s">
        <v>56</v>
      </c>
      <c r="D8" s="1" t="s">
        <v>93</v>
      </c>
      <c r="E8" s="1" t="s">
        <v>57</v>
      </c>
      <c r="F8" s="1" t="s">
        <v>132</v>
      </c>
      <c r="G8" s="1" t="s">
        <v>60</v>
      </c>
      <c r="H8" s="1" t="s">
        <v>96</v>
      </c>
      <c r="I8" s="1" t="s">
        <v>97</v>
      </c>
      <c r="J8" s="1" t="s">
        <v>98</v>
      </c>
      <c r="K8" s="1" t="s">
        <v>63</v>
      </c>
      <c r="L8" s="1" t="s">
        <v>99</v>
      </c>
      <c r="M8" s="1" t="s">
        <v>64</v>
      </c>
      <c r="N8" s="1" t="s">
        <v>100</v>
      </c>
      <c r="O8" s="1" t="s">
        <v>7</v>
      </c>
    </row>
    <row r="9" spans="1:15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44</v>
      </c>
      <c r="I9" s="1" t="s">
        <v>7</v>
      </c>
      <c r="J9" s="1" t="s">
        <v>11</v>
      </c>
      <c r="K9" s="1" t="s">
        <v>11</v>
      </c>
      <c r="L9" s="1" t="s">
        <v>12</v>
      </c>
      <c r="M9" s="1" t="s">
        <v>12</v>
      </c>
      <c r="N9" s="1" t="s">
        <v>12</v>
      </c>
      <c r="O9" s="1" t="s">
        <v>7</v>
      </c>
    </row>
    <row r="10" spans="1:15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1</v>
      </c>
      <c r="L10" s="1" t="s">
        <v>72</v>
      </c>
      <c r="M10" s="1" t="s">
        <v>73</v>
      </c>
      <c r="N10" s="1" t="s">
        <v>104</v>
      </c>
      <c r="O10" s="1" t="s">
        <v>7</v>
      </c>
    </row>
    <row r="11" spans="1:15" x14ac:dyDescent="0.2">
      <c r="A11" s="8" t="s">
        <v>7</v>
      </c>
      <c r="B11" s="8" t="s">
        <v>225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10">
        <v>205758</v>
      </c>
      <c r="I11" s="8" t="s">
        <v>7</v>
      </c>
      <c r="J11" s="10">
        <v>0</v>
      </c>
      <c r="K11" s="10">
        <v>3988.52</v>
      </c>
      <c r="L11" s="8" t="s">
        <v>7</v>
      </c>
      <c r="M11" s="9">
        <v>1</v>
      </c>
      <c r="N11" s="9">
        <v>8.8099999999999998E-2</v>
      </c>
      <c r="O11" s="8" t="s">
        <v>7</v>
      </c>
    </row>
    <row r="12" spans="1:15" x14ac:dyDescent="0.2">
      <c r="A12" s="3" t="s">
        <v>7</v>
      </c>
      <c r="B12" s="3" t="s">
        <v>75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12">
        <v>202235</v>
      </c>
      <c r="I12" s="3" t="s">
        <v>7</v>
      </c>
      <c r="J12" s="12">
        <v>0</v>
      </c>
      <c r="K12" s="12">
        <v>2769.32</v>
      </c>
      <c r="L12" s="3" t="s">
        <v>7</v>
      </c>
      <c r="M12" s="11">
        <v>0.69430000000000003</v>
      </c>
      <c r="N12" s="11">
        <v>6.1199999999999997E-2</v>
      </c>
      <c r="O12" s="3" t="s">
        <v>7</v>
      </c>
    </row>
    <row r="13" spans="1:15" x14ac:dyDescent="0.2">
      <c r="A13" s="3" t="s">
        <v>7</v>
      </c>
      <c r="B13" s="3" t="s">
        <v>226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12">
        <v>0</v>
      </c>
      <c r="I13" s="3" t="s">
        <v>7</v>
      </c>
      <c r="J13" s="12">
        <v>0</v>
      </c>
      <c r="K13" s="12">
        <v>0</v>
      </c>
      <c r="L13" s="3" t="s">
        <v>7</v>
      </c>
      <c r="M13" s="11">
        <v>0</v>
      </c>
      <c r="N13" s="11">
        <v>0</v>
      </c>
      <c r="O13" s="3" t="s">
        <v>7</v>
      </c>
    </row>
    <row r="14" spans="1:15" x14ac:dyDescent="0.2">
      <c r="A14" s="3" t="s">
        <v>7</v>
      </c>
      <c r="B14" s="3" t="s">
        <v>227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12">
        <v>0</v>
      </c>
      <c r="I14" s="3" t="s">
        <v>7</v>
      </c>
      <c r="J14" s="12">
        <v>0</v>
      </c>
      <c r="K14" s="12">
        <v>0</v>
      </c>
      <c r="L14" s="3" t="s">
        <v>7</v>
      </c>
      <c r="M14" s="11">
        <v>0</v>
      </c>
      <c r="N14" s="11">
        <v>0</v>
      </c>
      <c r="O14" s="3" t="s">
        <v>7</v>
      </c>
    </row>
    <row r="15" spans="1:15" x14ac:dyDescent="0.2">
      <c r="A15" s="3" t="s">
        <v>7</v>
      </c>
      <c r="B15" s="3" t="s">
        <v>228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12">
        <v>202235</v>
      </c>
      <c r="I15" s="3" t="s">
        <v>7</v>
      </c>
      <c r="J15" s="12">
        <v>0</v>
      </c>
      <c r="K15" s="12">
        <v>2769.32</v>
      </c>
      <c r="L15" s="3" t="s">
        <v>7</v>
      </c>
      <c r="M15" s="11">
        <v>0.69430000000000003</v>
      </c>
      <c r="N15" s="11">
        <v>6.1199999999999997E-2</v>
      </c>
      <c r="O15" s="3" t="s">
        <v>7</v>
      </c>
    </row>
    <row r="16" spans="1:15" x14ac:dyDescent="0.2">
      <c r="A16" s="13" t="s">
        <v>7</v>
      </c>
      <c r="B16" s="13" t="s">
        <v>229</v>
      </c>
      <c r="C16" s="14">
        <v>1150523</v>
      </c>
      <c r="D16" s="13" t="s">
        <v>113</v>
      </c>
      <c r="E16" s="14">
        <v>511776783</v>
      </c>
      <c r="F16" s="13" t="s">
        <v>230</v>
      </c>
      <c r="G16" s="13" t="s">
        <v>81</v>
      </c>
      <c r="H16" s="16">
        <v>134500</v>
      </c>
      <c r="I16" s="16">
        <v>381.75</v>
      </c>
      <c r="J16" s="16">
        <v>0</v>
      </c>
      <c r="K16" s="16">
        <v>513.45000000000005</v>
      </c>
      <c r="L16" s="15">
        <v>6.9999999999999999E-4</v>
      </c>
      <c r="M16" s="15">
        <v>0.12870000000000001</v>
      </c>
      <c r="N16" s="15">
        <v>1.1299999999999999E-2</v>
      </c>
      <c r="O16" s="13" t="s">
        <v>7</v>
      </c>
    </row>
    <row r="17" spans="1:15" x14ac:dyDescent="0.2">
      <c r="A17" s="13" t="s">
        <v>7</v>
      </c>
      <c r="B17" s="13" t="s">
        <v>231</v>
      </c>
      <c r="C17" s="14">
        <v>1154699</v>
      </c>
      <c r="D17" s="13" t="s">
        <v>113</v>
      </c>
      <c r="E17" s="14">
        <v>513765339</v>
      </c>
      <c r="F17" s="13" t="s">
        <v>230</v>
      </c>
      <c r="G17" s="13" t="s">
        <v>81</v>
      </c>
      <c r="H17" s="16">
        <v>19665</v>
      </c>
      <c r="I17" s="16">
        <v>3277.01</v>
      </c>
      <c r="J17" s="16">
        <v>0</v>
      </c>
      <c r="K17" s="16">
        <v>644.41999999999996</v>
      </c>
      <c r="L17" s="15">
        <v>7.7000000000000002E-3</v>
      </c>
      <c r="M17" s="15">
        <v>0.16159999999999999</v>
      </c>
      <c r="N17" s="15">
        <v>1.4200000000000001E-2</v>
      </c>
      <c r="O17" s="13" t="s">
        <v>7</v>
      </c>
    </row>
    <row r="18" spans="1:15" x14ac:dyDescent="0.2">
      <c r="A18" s="13" t="s">
        <v>7</v>
      </c>
      <c r="B18" s="13" t="s">
        <v>232</v>
      </c>
      <c r="C18" s="14">
        <v>1146232</v>
      </c>
      <c r="D18" s="13" t="s">
        <v>113</v>
      </c>
      <c r="E18" s="14">
        <v>510938608</v>
      </c>
      <c r="F18" s="13" t="s">
        <v>230</v>
      </c>
      <c r="G18" s="13" t="s">
        <v>81</v>
      </c>
      <c r="H18" s="16">
        <v>18854</v>
      </c>
      <c r="I18" s="16">
        <v>3483.84</v>
      </c>
      <c r="J18" s="16">
        <v>0</v>
      </c>
      <c r="K18" s="16">
        <v>656.84</v>
      </c>
      <c r="L18" s="15">
        <v>5.0000000000000001E-4</v>
      </c>
      <c r="M18" s="15">
        <v>0.16470000000000001</v>
      </c>
      <c r="N18" s="15">
        <v>1.4500000000000001E-2</v>
      </c>
      <c r="O18" s="13" t="s">
        <v>7</v>
      </c>
    </row>
    <row r="19" spans="1:15" x14ac:dyDescent="0.2">
      <c r="A19" s="13" t="s">
        <v>7</v>
      </c>
      <c r="B19" s="13" t="s">
        <v>233</v>
      </c>
      <c r="C19" s="14">
        <v>1146281</v>
      </c>
      <c r="D19" s="13" t="s">
        <v>113</v>
      </c>
      <c r="E19" s="14">
        <v>510938608</v>
      </c>
      <c r="F19" s="13" t="s">
        <v>230</v>
      </c>
      <c r="G19" s="13" t="s">
        <v>81</v>
      </c>
      <c r="H19" s="16">
        <v>29216</v>
      </c>
      <c r="I19" s="16">
        <v>3267.37</v>
      </c>
      <c r="J19" s="16">
        <v>0</v>
      </c>
      <c r="K19" s="16">
        <v>954.59</v>
      </c>
      <c r="L19" s="15">
        <v>1.0500000000000001E-2</v>
      </c>
      <c r="M19" s="15">
        <v>0.23930000000000001</v>
      </c>
      <c r="N19" s="15">
        <v>2.1100000000000001E-2</v>
      </c>
      <c r="O19" s="13" t="s">
        <v>7</v>
      </c>
    </row>
    <row r="20" spans="1:15" x14ac:dyDescent="0.2">
      <c r="A20" s="3" t="s">
        <v>7</v>
      </c>
      <c r="B20" s="3" t="s">
        <v>234</v>
      </c>
      <c r="C20" s="3" t="s">
        <v>7</v>
      </c>
      <c r="D20" s="3" t="s">
        <v>7</v>
      </c>
      <c r="E20" s="3" t="s">
        <v>7</v>
      </c>
      <c r="F20" s="3" t="s">
        <v>7</v>
      </c>
      <c r="G20" s="3" t="s">
        <v>7</v>
      </c>
      <c r="H20" s="12">
        <v>0</v>
      </c>
      <c r="I20" s="3" t="s">
        <v>7</v>
      </c>
      <c r="J20" s="12">
        <v>0</v>
      </c>
      <c r="K20" s="12">
        <v>0</v>
      </c>
      <c r="L20" s="3" t="s">
        <v>7</v>
      </c>
      <c r="M20" s="11">
        <v>0</v>
      </c>
      <c r="N20" s="11">
        <v>0</v>
      </c>
      <c r="O20" s="3" t="s">
        <v>7</v>
      </c>
    </row>
    <row r="21" spans="1:15" x14ac:dyDescent="0.2">
      <c r="A21" s="3" t="s">
        <v>7</v>
      </c>
      <c r="B21" s="3" t="s">
        <v>235</v>
      </c>
      <c r="C21" s="3" t="s">
        <v>7</v>
      </c>
      <c r="D21" s="3" t="s">
        <v>7</v>
      </c>
      <c r="E21" s="3" t="s">
        <v>7</v>
      </c>
      <c r="F21" s="3" t="s">
        <v>7</v>
      </c>
      <c r="G21" s="3" t="s">
        <v>7</v>
      </c>
      <c r="H21" s="12">
        <v>0</v>
      </c>
      <c r="I21" s="3" t="s">
        <v>7</v>
      </c>
      <c r="J21" s="12">
        <v>0</v>
      </c>
      <c r="K21" s="12">
        <v>0</v>
      </c>
      <c r="L21" s="3" t="s">
        <v>7</v>
      </c>
      <c r="M21" s="11">
        <v>0</v>
      </c>
      <c r="N21" s="11">
        <v>0</v>
      </c>
      <c r="O21" s="3" t="s">
        <v>7</v>
      </c>
    </row>
    <row r="22" spans="1:15" x14ac:dyDescent="0.2">
      <c r="A22" s="3" t="s">
        <v>7</v>
      </c>
      <c r="B22" s="3" t="s">
        <v>236</v>
      </c>
      <c r="C22" s="3" t="s">
        <v>7</v>
      </c>
      <c r="D22" s="3" t="s">
        <v>7</v>
      </c>
      <c r="E22" s="3" t="s">
        <v>7</v>
      </c>
      <c r="F22" s="3" t="s">
        <v>7</v>
      </c>
      <c r="G22" s="3" t="s">
        <v>7</v>
      </c>
      <c r="H22" s="12">
        <v>0</v>
      </c>
      <c r="I22" s="3" t="s">
        <v>7</v>
      </c>
      <c r="J22" s="12">
        <v>0</v>
      </c>
      <c r="K22" s="12">
        <v>0</v>
      </c>
      <c r="L22" s="3" t="s">
        <v>7</v>
      </c>
      <c r="M22" s="11">
        <v>0</v>
      </c>
      <c r="N22" s="11">
        <v>0</v>
      </c>
      <c r="O22" s="3" t="s">
        <v>7</v>
      </c>
    </row>
    <row r="23" spans="1:15" x14ac:dyDescent="0.2">
      <c r="A23" s="3" t="s">
        <v>7</v>
      </c>
      <c r="B23" s="3" t="s">
        <v>88</v>
      </c>
      <c r="C23" s="3" t="s">
        <v>7</v>
      </c>
      <c r="D23" s="3" t="s">
        <v>7</v>
      </c>
      <c r="E23" s="3" t="s">
        <v>7</v>
      </c>
      <c r="F23" s="3" t="s">
        <v>7</v>
      </c>
      <c r="G23" s="3" t="s">
        <v>7</v>
      </c>
      <c r="H23" s="12">
        <v>3523</v>
      </c>
      <c r="I23" s="3" t="s">
        <v>7</v>
      </c>
      <c r="J23" s="12">
        <v>0</v>
      </c>
      <c r="K23" s="12">
        <v>1219.2</v>
      </c>
      <c r="L23" s="3" t="s">
        <v>7</v>
      </c>
      <c r="M23" s="11">
        <v>0.30570000000000003</v>
      </c>
      <c r="N23" s="11">
        <v>2.69E-2</v>
      </c>
      <c r="O23" s="3" t="s">
        <v>7</v>
      </c>
    </row>
    <row r="24" spans="1:15" x14ac:dyDescent="0.2">
      <c r="A24" s="3" t="s">
        <v>7</v>
      </c>
      <c r="B24" s="3" t="s">
        <v>237</v>
      </c>
      <c r="C24" s="3" t="s">
        <v>7</v>
      </c>
      <c r="D24" s="3" t="s">
        <v>7</v>
      </c>
      <c r="E24" s="3" t="s">
        <v>7</v>
      </c>
      <c r="F24" s="3" t="s">
        <v>7</v>
      </c>
      <c r="G24" s="3" t="s">
        <v>7</v>
      </c>
      <c r="H24" s="12">
        <v>0</v>
      </c>
      <c r="I24" s="3" t="s">
        <v>7</v>
      </c>
      <c r="J24" s="12">
        <v>0</v>
      </c>
      <c r="K24" s="12">
        <v>0</v>
      </c>
      <c r="L24" s="3" t="s">
        <v>7</v>
      </c>
      <c r="M24" s="11">
        <v>0</v>
      </c>
      <c r="N24" s="11">
        <v>0</v>
      </c>
      <c r="O24" s="3" t="s">
        <v>7</v>
      </c>
    </row>
    <row r="25" spans="1:15" x14ac:dyDescent="0.2">
      <c r="A25" s="3" t="s">
        <v>7</v>
      </c>
      <c r="B25" s="3" t="s">
        <v>238</v>
      </c>
      <c r="C25" s="3" t="s">
        <v>7</v>
      </c>
      <c r="D25" s="3" t="s">
        <v>7</v>
      </c>
      <c r="E25" s="3" t="s">
        <v>7</v>
      </c>
      <c r="F25" s="3" t="s">
        <v>7</v>
      </c>
      <c r="G25" s="3" t="s">
        <v>7</v>
      </c>
      <c r="H25" s="12">
        <v>3523</v>
      </c>
      <c r="I25" s="3" t="s">
        <v>7</v>
      </c>
      <c r="J25" s="12">
        <v>0</v>
      </c>
      <c r="K25" s="12">
        <v>1219.2</v>
      </c>
      <c r="L25" s="3" t="s">
        <v>7</v>
      </c>
      <c r="M25" s="11">
        <v>0.30570000000000003</v>
      </c>
      <c r="N25" s="11">
        <v>2.69E-2</v>
      </c>
      <c r="O25" s="3" t="s">
        <v>7</v>
      </c>
    </row>
    <row r="26" spans="1:15" x14ac:dyDescent="0.2">
      <c r="A26" s="13" t="s">
        <v>7</v>
      </c>
      <c r="B26" s="13" t="s">
        <v>239</v>
      </c>
      <c r="C26" s="13" t="s">
        <v>240</v>
      </c>
      <c r="D26" s="13" t="s">
        <v>241</v>
      </c>
      <c r="E26" s="14">
        <v>98339</v>
      </c>
      <c r="F26" s="13" t="s">
        <v>230</v>
      </c>
      <c r="G26" s="13" t="s">
        <v>48</v>
      </c>
      <c r="H26" s="16">
        <v>3523</v>
      </c>
      <c r="I26" s="16">
        <v>10380</v>
      </c>
      <c r="J26" s="16">
        <v>0</v>
      </c>
      <c r="K26" s="16">
        <v>1219.2</v>
      </c>
      <c r="L26" s="15">
        <v>1E-4</v>
      </c>
      <c r="M26" s="15">
        <v>0.30570000000000003</v>
      </c>
      <c r="N26" s="15">
        <v>2.69E-2</v>
      </c>
      <c r="O26" s="14">
        <v>60614286</v>
      </c>
    </row>
    <row r="27" spans="1:15" x14ac:dyDescent="0.2">
      <c r="A27" s="3" t="s">
        <v>7</v>
      </c>
      <c r="B27" s="3" t="s">
        <v>242</v>
      </c>
      <c r="C27" s="3" t="s">
        <v>7</v>
      </c>
      <c r="D27" s="3" t="s">
        <v>7</v>
      </c>
      <c r="E27" s="3" t="s">
        <v>7</v>
      </c>
      <c r="F27" s="3" t="s">
        <v>7</v>
      </c>
      <c r="G27" s="3" t="s">
        <v>7</v>
      </c>
      <c r="H27" s="12">
        <v>0</v>
      </c>
      <c r="I27" s="3" t="s">
        <v>7</v>
      </c>
      <c r="J27" s="12">
        <v>0</v>
      </c>
      <c r="K27" s="12">
        <v>0</v>
      </c>
      <c r="L27" s="3" t="s">
        <v>7</v>
      </c>
      <c r="M27" s="11">
        <v>0</v>
      </c>
      <c r="N27" s="11">
        <v>0</v>
      </c>
      <c r="O27" s="3" t="s">
        <v>7</v>
      </c>
    </row>
    <row r="28" spans="1:15" x14ac:dyDescent="0.2">
      <c r="A28" s="3" t="s">
        <v>7</v>
      </c>
      <c r="B28" s="3" t="s">
        <v>236</v>
      </c>
      <c r="C28" s="3" t="s">
        <v>7</v>
      </c>
      <c r="D28" s="3" t="s">
        <v>7</v>
      </c>
      <c r="E28" s="3" t="s">
        <v>7</v>
      </c>
      <c r="F28" s="3" t="s">
        <v>7</v>
      </c>
      <c r="G28" s="3" t="s">
        <v>7</v>
      </c>
      <c r="H28" s="12">
        <v>0</v>
      </c>
      <c r="I28" s="3" t="s">
        <v>7</v>
      </c>
      <c r="J28" s="12">
        <v>0</v>
      </c>
      <c r="K28" s="12">
        <v>0</v>
      </c>
      <c r="L28" s="3" t="s">
        <v>7</v>
      </c>
      <c r="M28" s="11">
        <v>0</v>
      </c>
      <c r="N28" s="11">
        <v>0</v>
      </c>
      <c r="O28" s="3" t="s">
        <v>7</v>
      </c>
    </row>
    <row r="29" spans="1:15" x14ac:dyDescent="0.2">
      <c r="A29" s="8" t="s">
        <v>7</v>
      </c>
      <c r="B29" s="8" t="s">
        <v>90</v>
      </c>
      <c r="C29" s="8" t="s">
        <v>7</v>
      </c>
      <c r="D29" s="8" t="s">
        <v>7</v>
      </c>
      <c r="E29" s="8" t="s">
        <v>7</v>
      </c>
      <c r="F29" s="8" t="s">
        <v>7</v>
      </c>
      <c r="G29" s="8" t="s">
        <v>7</v>
      </c>
      <c r="H29" s="8" t="s">
        <v>7</v>
      </c>
      <c r="I29" s="8" t="s">
        <v>7</v>
      </c>
      <c r="J29" s="8" t="s">
        <v>7</v>
      </c>
      <c r="K29" s="8" t="s">
        <v>7</v>
      </c>
      <c r="L29" s="8" t="s">
        <v>7</v>
      </c>
      <c r="M29" s="8" t="s">
        <v>7</v>
      </c>
      <c r="N29" s="8" t="s">
        <v>7</v>
      </c>
      <c r="O29" s="8" t="s">
        <v>7</v>
      </c>
    </row>
    <row r="30" spans="1:15" x14ac:dyDescent="0.2">
      <c r="A30" s="8" t="s">
        <v>7</v>
      </c>
      <c r="B30" s="8" t="s">
        <v>129</v>
      </c>
      <c r="C30" s="8" t="s">
        <v>7</v>
      </c>
      <c r="D30" s="8" t="s">
        <v>7</v>
      </c>
      <c r="E30" s="8" t="s">
        <v>7</v>
      </c>
      <c r="F30" s="8" t="s">
        <v>7</v>
      </c>
      <c r="G30" s="8" t="s">
        <v>7</v>
      </c>
      <c r="H30" s="8" t="s">
        <v>7</v>
      </c>
      <c r="I30" s="8" t="s">
        <v>7</v>
      </c>
      <c r="J30" s="8" t="s">
        <v>7</v>
      </c>
      <c r="K30" s="8" t="s">
        <v>7</v>
      </c>
      <c r="L30" s="8" t="s">
        <v>7</v>
      </c>
      <c r="M30" s="8" t="s">
        <v>7</v>
      </c>
      <c r="N30" s="8" t="s">
        <v>7</v>
      </c>
      <c r="O30" s="8" t="s">
        <v>7</v>
      </c>
    </row>
    <row r="31" spans="1:15" x14ac:dyDescent="0.2">
      <c r="A31" s="7" t="s">
        <v>52</v>
      </c>
      <c r="B31" s="7" t="s">
        <v>53</v>
      </c>
    </row>
  </sheetData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5"/>
  <sheetViews>
    <sheetView rightToLeft="1" topLeftCell="A10" workbookViewId="0"/>
  </sheetViews>
  <sheetFormatPr defaultRowHeight="14.25" x14ac:dyDescent="0.2"/>
  <cols>
    <col min="1" max="1" width="2" customWidth="1"/>
    <col min="2" max="2" width="35" customWidth="1"/>
    <col min="3" max="3" width="15" customWidth="1"/>
    <col min="4" max="4" width="11" customWidth="1"/>
    <col min="5" max="5" width="12" customWidth="1"/>
    <col min="6" max="6" width="10" customWidth="1"/>
    <col min="7" max="7" width="7" customWidth="1"/>
    <col min="8" max="8" width="9" customWidth="1"/>
    <col min="9" max="9" width="14" customWidth="1"/>
    <col min="10" max="10" width="10" customWidth="1"/>
    <col min="11" max="11" width="12" customWidth="1"/>
    <col min="12" max="12" width="10" customWidth="1"/>
    <col min="13" max="13" width="22" customWidth="1"/>
    <col min="14" max="14" width="24" customWidth="1"/>
    <col min="15" max="15" width="23" customWidth="1"/>
    <col min="16" max="16" width="11" customWidth="1"/>
  </cols>
  <sheetData>
    <row r="1" spans="1:16" x14ac:dyDescent="0.2">
      <c r="B1" s="7" t="s">
        <v>0</v>
      </c>
      <c r="C1" s="7" t="s">
        <v>1</v>
      </c>
    </row>
    <row r="2" spans="1:16" x14ac:dyDescent="0.2">
      <c r="B2" s="7" t="s">
        <v>2</v>
      </c>
      <c r="C2" s="7" t="s">
        <v>3</v>
      </c>
    </row>
    <row r="3" spans="1:16" x14ac:dyDescent="0.2">
      <c r="B3" s="7" t="s">
        <v>4</v>
      </c>
      <c r="C3" s="7" t="s">
        <v>5</v>
      </c>
    </row>
    <row r="4" spans="1:16" x14ac:dyDescent="0.2">
      <c r="B4" s="7" t="s">
        <v>6</v>
      </c>
      <c r="C4" s="7">
        <v>1476</v>
      </c>
    </row>
    <row r="5" spans="1:16" x14ac:dyDescent="0.2">
      <c r="B5" s="7" t="s">
        <v>7</v>
      </c>
      <c r="C5" s="7" t="s">
        <v>7</v>
      </c>
    </row>
    <row r="6" spans="1:16" x14ac:dyDescent="0.2">
      <c r="A6" s="1" t="s">
        <v>7</v>
      </c>
      <c r="B6" s="1" t="s">
        <v>9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1:16" x14ac:dyDescent="0.2">
      <c r="A7" s="1" t="s">
        <v>7</v>
      </c>
      <c r="B7" s="1" t="s">
        <v>243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</row>
    <row r="8" spans="1:16" x14ac:dyDescent="0.2">
      <c r="A8" s="1" t="s">
        <v>7</v>
      </c>
      <c r="B8" s="1" t="s">
        <v>55</v>
      </c>
      <c r="C8" s="1" t="s">
        <v>56</v>
      </c>
      <c r="D8" s="1" t="s">
        <v>93</v>
      </c>
      <c r="E8" s="1" t="s">
        <v>57</v>
      </c>
      <c r="F8" s="1" t="s">
        <v>132</v>
      </c>
      <c r="G8" s="1" t="s">
        <v>58</v>
      </c>
      <c r="H8" s="1" t="s">
        <v>59</v>
      </c>
      <c r="I8" s="1" t="s">
        <v>60</v>
      </c>
      <c r="J8" s="1" t="s">
        <v>96</v>
      </c>
      <c r="K8" s="1" t="s">
        <v>97</v>
      </c>
      <c r="L8" s="1" t="s">
        <v>63</v>
      </c>
      <c r="M8" s="1" t="s">
        <v>99</v>
      </c>
      <c r="N8" s="1" t="s">
        <v>64</v>
      </c>
      <c r="O8" s="1" t="s">
        <v>100</v>
      </c>
      <c r="P8" s="1" t="s">
        <v>7</v>
      </c>
    </row>
    <row r="9" spans="1:16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102</v>
      </c>
      <c r="K9" s="1" t="s">
        <v>103</v>
      </c>
      <c r="L9" s="1" t="s">
        <v>11</v>
      </c>
      <c r="M9" s="1" t="s">
        <v>12</v>
      </c>
      <c r="N9" s="1" t="s">
        <v>12</v>
      </c>
      <c r="O9" s="1" t="s">
        <v>12</v>
      </c>
      <c r="P9" s="1" t="s">
        <v>7</v>
      </c>
    </row>
    <row r="10" spans="1:16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104</v>
      </c>
      <c r="N10" s="1" t="s">
        <v>105</v>
      </c>
      <c r="O10" s="1" t="s">
        <v>106</v>
      </c>
      <c r="P10" s="1" t="s">
        <v>7</v>
      </c>
    </row>
    <row r="11" spans="1:16" x14ac:dyDescent="0.2">
      <c r="A11" s="8" t="s">
        <v>7</v>
      </c>
      <c r="B11" s="8" t="s">
        <v>244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8" t="s">
        <v>7</v>
      </c>
      <c r="I11" s="8" t="s">
        <v>7</v>
      </c>
      <c r="J11" s="10">
        <v>108.82</v>
      </c>
      <c r="K11" s="8" t="s">
        <v>7</v>
      </c>
      <c r="L11" s="10">
        <v>495.14</v>
      </c>
      <c r="M11" s="8" t="s">
        <v>7</v>
      </c>
      <c r="N11" s="9">
        <v>1</v>
      </c>
      <c r="O11" s="9">
        <v>1.09E-2</v>
      </c>
      <c r="P11" s="8" t="s">
        <v>7</v>
      </c>
    </row>
    <row r="12" spans="1:16" x14ac:dyDescent="0.2">
      <c r="A12" s="3" t="s">
        <v>7</v>
      </c>
      <c r="B12" s="3" t="s">
        <v>75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3" t="s">
        <v>7</v>
      </c>
      <c r="J12" s="12">
        <v>0</v>
      </c>
      <c r="K12" s="3" t="s">
        <v>7</v>
      </c>
      <c r="L12" s="12">
        <v>0</v>
      </c>
      <c r="M12" s="3" t="s">
        <v>7</v>
      </c>
      <c r="N12" s="11">
        <v>0</v>
      </c>
      <c r="O12" s="11">
        <v>0</v>
      </c>
      <c r="P12" s="3" t="s">
        <v>7</v>
      </c>
    </row>
    <row r="13" spans="1:16" x14ac:dyDescent="0.2">
      <c r="A13" s="3" t="s">
        <v>7</v>
      </c>
      <c r="B13" s="3" t="s">
        <v>245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3" t="s">
        <v>7</v>
      </c>
      <c r="J13" s="12">
        <v>0</v>
      </c>
      <c r="K13" s="3" t="s">
        <v>7</v>
      </c>
      <c r="L13" s="12">
        <v>0</v>
      </c>
      <c r="M13" s="3" t="s">
        <v>7</v>
      </c>
      <c r="N13" s="11">
        <v>0</v>
      </c>
      <c r="O13" s="11">
        <v>0</v>
      </c>
      <c r="P13" s="3" t="s">
        <v>7</v>
      </c>
    </row>
    <row r="14" spans="1:16" x14ac:dyDescent="0.2">
      <c r="A14" s="3" t="s">
        <v>7</v>
      </c>
      <c r="B14" s="3" t="s">
        <v>246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3" t="s">
        <v>7</v>
      </c>
      <c r="I14" s="3" t="s">
        <v>7</v>
      </c>
      <c r="J14" s="12">
        <v>0</v>
      </c>
      <c r="K14" s="3" t="s">
        <v>7</v>
      </c>
      <c r="L14" s="12">
        <v>0</v>
      </c>
      <c r="M14" s="3" t="s">
        <v>7</v>
      </c>
      <c r="N14" s="11">
        <v>0</v>
      </c>
      <c r="O14" s="11">
        <v>0</v>
      </c>
      <c r="P14" s="3" t="s">
        <v>7</v>
      </c>
    </row>
    <row r="15" spans="1:16" x14ac:dyDescent="0.2">
      <c r="A15" s="3" t="s">
        <v>7</v>
      </c>
      <c r="B15" s="3" t="s">
        <v>215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3" t="s">
        <v>7</v>
      </c>
      <c r="I15" s="3" t="s">
        <v>7</v>
      </c>
      <c r="J15" s="12">
        <v>0</v>
      </c>
      <c r="K15" s="3" t="s">
        <v>7</v>
      </c>
      <c r="L15" s="12">
        <v>0</v>
      </c>
      <c r="M15" s="3" t="s">
        <v>7</v>
      </c>
      <c r="N15" s="11">
        <v>0</v>
      </c>
      <c r="O15" s="11">
        <v>0</v>
      </c>
      <c r="P15" s="3" t="s">
        <v>7</v>
      </c>
    </row>
    <row r="16" spans="1:16" x14ac:dyDescent="0.2">
      <c r="A16" s="3" t="s">
        <v>7</v>
      </c>
      <c r="B16" s="3" t="s">
        <v>235</v>
      </c>
      <c r="C16" s="3" t="s">
        <v>7</v>
      </c>
      <c r="D16" s="3" t="s">
        <v>7</v>
      </c>
      <c r="E16" s="3" t="s">
        <v>7</v>
      </c>
      <c r="F16" s="3" t="s">
        <v>7</v>
      </c>
      <c r="G16" s="3" t="s">
        <v>7</v>
      </c>
      <c r="H16" s="3" t="s">
        <v>7</v>
      </c>
      <c r="I16" s="3" t="s">
        <v>7</v>
      </c>
      <c r="J16" s="12">
        <v>0</v>
      </c>
      <c r="K16" s="3" t="s">
        <v>7</v>
      </c>
      <c r="L16" s="12">
        <v>0</v>
      </c>
      <c r="M16" s="3" t="s">
        <v>7</v>
      </c>
      <c r="N16" s="11">
        <v>0</v>
      </c>
      <c r="O16" s="11">
        <v>0</v>
      </c>
      <c r="P16" s="3" t="s">
        <v>7</v>
      </c>
    </row>
    <row r="17" spans="1:16" x14ac:dyDescent="0.2">
      <c r="A17" s="3" t="s">
        <v>7</v>
      </c>
      <c r="B17" s="3" t="s">
        <v>88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3" t="s">
        <v>7</v>
      </c>
      <c r="I17" s="3" t="s">
        <v>7</v>
      </c>
      <c r="J17" s="12">
        <v>108.82</v>
      </c>
      <c r="K17" s="3" t="s">
        <v>7</v>
      </c>
      <c r="L17" s="12">
        <v>495.14</v>
      </c>
      <c r="M17" s="3" t="s">
        <v>7</v>
      </c>
      <c r="N17" s="11">
        <v>1</v>
      </c>
      <c r="O17" s="11">
        <v>1.09E-2</v>
      </c>
      <c r="P17" s="3" t="s">
        <v>7</v>
      </c>
    </row>
    <row r="18" spans="1:16" x14ac:dyDescent="0.2">
      <c r="A18" s="3" t="s">
        <v>7</v>
      </c>
      <c r="B18" s="3" t="s">
        <v>245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3" t="s">
        <v>7</v>
      </c>
      <c r="I18" s="3" t="s">
        <v>7</v>
      </c>
      <c r="J18" s="12">
        <v>108.82</v>
      </c>
      <c r="K18" s="3" t="s">
        <v>7</v>
      </c>
      <c r="L18" s="12">
        <v>495.14</v>
      </c>
      <c r="M18" s="3" t="s">
        <v>7</v>
      </c>
      <c r="N18" s="11">
        <v>1</v>
      </c>
      <c r="O18" s="11">
        <v>1.09E-2</v>
      </c>
      <c r="P18" s="3" t="s">
        <v>7</v>
      </c>
    </row>
    <row r="19" spans="1:16" x14ac:dyDescent="0.2">
      <c r="A19" s="13" t="s">
        <v>7</v>
      </c>
      <c r="B19" s="13" t="s">
        <v>247</v>
      </c>
      <c r="C19" s="13" t="s">
        <v>248</v>
      </c>
      <c r="D19" s="13" t="s">
        <v>198</v>
      </c>
      <c r="E19" s="14">
        <v>93164</v>
      </c>
      <c r="F19" s="13" t="s">
        <v>249</v>
      </c>
      <c r="G19" s="13" t="s">
        <v>250</v>
      </c>
      <c r="H19" s="13" t="s">
        <v>208</v>
      </c>
      <c r="I19" s="13" t="s">
        <v>48</v>
      </c>
      <c r="J19" s="16">
        <v>108.82</v>
      </c>
      <c r="K19" s="16">
        <v>136476.1</v>
      </c>
      <c r="L19" s="16">
        <v>495.14</v>
      </c>
      <c r="M19" s="15">
        <v>0</v>
      </c>
      <c r="N19" s="15">
        <v>1</v>
      </c>
      <c r="O19" s="15">
        <v>1.09E-2</v>
      </c>
      <c r="P19" s="14">
        <v>62005372</v>
      </c>
    </row>
    <row r="20" spans="1:16" x14ac:dyDescent="0.2">
      <c r="A20" s="3" t="s">
        <v>7</v>
      </c>
      <c r="B20" s="3" t="s">
        <v>246</v>
      </c>
      <c r="C20" s="3" t="s">
        <v>7</v>
      </c>
      <c r="D20" s="3" t="s">
        <v>7</v>
      </c>
      <c r="E20" s="3" t="s">
        <v>7</v>
      </c>
      <c r="F20" s="3" t="s">
        <v>7</v>
      </c>
      <c r="G20" s="3" t="s">
        <v>7</v>
      </c>
      <c r="H20" s="3" t="s">
        <v>7</v>
      </c>
      <c r="I20" s="3" t="s">
        <v>7</v>
      </c>
      <c r="J20" s="12">
        <v>0</v>
      </c>
      <c r="K20" s="3" t="s">
        <v>7</v>
      </c>
      <c r="L20" s="12">
        <v>0</v>
      </c>
      <c r="M20" s="3" t="s">
        <v>7</v>
      </c>
      <c r="N20" s="11">
        <v>0</v>
      </c>
      <c r="O20" s="11">
        <v>0</v>
      </c>
      <c r="P20" s="3" t="s">
        <v>7</v>
      </c>
    </row>
    <row r="21" spans="1:16" x14ac:dyDescent="0.2">
      <c r="A21" s="3" t="s">
        <v>7</v>
      </c>
      <c r="B21" s="3" t="s">
        <v>215</v>
      </c>
      <c r="C21" s="3" t="s">
        <v>7</v>
      </c>
      <c r="D21" s="3" t="s">
        <v>7</v>
      </c>
      <c r="E21" s="3" t="s">
        <v>7</v>
      </c>
      <c r="F21" s="3" t="s">
        <v>7</v>
      </c>
      <c r="G21" s="3" t="s">
        <v>7</v>
      </c>
      <c r="H21" s="3" t="s">
        <v>7</v>
      </c>
      <c r="I21" s="3" t="s">
        <v>7</v>
      </c>
      <c r="J21" s="12">
        <v>0</v>
      </c>
      <c r="K21" s="3" t="s">
        <v>7</v>
      </c>
      <c r="L21" s="12">
        <v>0</v>
      </c>
      <c r="M21" s="3" t="s">
        <v>7</v>
      </c>
      <c r="N21" s="11">
        <v>0</v>
      </c>
      <c r="O21" s="11">
        <v>0</v>
      </c>
      <c r="P21" s="3" t="s">
        <v>7</v>
      </c>
    </row>
    <row r="22" spans="1:16" x14ac:dyDescent="0.2">
      <c r="A22" s="3" t="s">
        <v>7</v>
      </c>
      <c r="B22" s="3" t="s">
        <v>235</v>
      </c>
      <c r="C22" s="3" t="s">
        <v>7</v>
      </c>
      <c r="D22" s="3" t="s">
        <v>7</v>
      </c>
      <c r="E22" s="3" t="s">
        <v>7</v>
      </c>
      <c r="F22" s="3" t="s">
        <v>7</v>
      </c>
      <c r="G22" s="3" t="s">
        <v>7</v>
      </c>
      <c r="H22" s="3" t="s">
        <v>7</v>
      </c>
      <c r="I22" s="3" t="s">
        <v>7</v>
      </c>
      <c r="J22" s="12">
        <v>0</v>
      </c>
      <c r="K22" s="3" t="s">
        <v>7</v>
      </c>
      <c r="L22" s="12">
        <v>0</v>
      </c>
      <c r="M22" s="3" t="s">
        <v>7</v>
      </c>
      <c r="N22" s="11">
        <v>0</v>
      </c>
      <c r="O22" s="11">
        <v>0</v>
      </c>
      <c r="P22" s="3" t="s">
        <v>7</v>
      </c>
    </row>
    <row r="23" spans="1:16" x14ac:dyDescent="0.2">
      <c r="A23" s="8" t="s">
        <v>7</v>
      </c>
      <c r="B23" s="8" t="s">
        <v>90</v>
      </c>
      <c r="C23" s="8" t="s">
        <v>7</v>
      </c>
      <c r="D23" s="8" t="s">
        <v>7</v>
      </c>
      <c r="E23" s="8" t="s">
        <v>7</v>
      </c>
      <c r="F23" s="8" t="s">
        <v>7</v>
      </c>
      <c r="G23" s="8" t="s">
        <v>7</v>
      </c>
      <c r="H23" s="8" t="s">
        <v>7</v>
      </c>
      <c r="I23" s="8" t="s">
        <v>7</v>
      </c>
      <c r="J23" s="8" t="s">
        <v>7</v>
      </c>
      <c r="K23" s="8" t="s">
        <v>7</v>
      </c>
      <c r="L23" s="8" t="s">
        <v>7</v>
      </c>
      <c r="M23" s="8" t="s">
        <v>7</v>
      </c>
      <c r="N23" s="8" t="s">
        <v>7</v>
      </c>
      <c r="O23" s="8" t="s">
        <v>7</v>
      </c>
      <c r="P23" s="8" t="s">
        <v>7</v>
      </c>
    </row>
    <row r="24" spans="1:16" x14ac:dyDescent="0.2">
      <c r="A24" s="8" t="s">
        <v>7</v>
      </c>
      <c r="B24" s="8" t="s">
        <v>129</v>
      </c>
      <c r="C24" s="8" t="s">
        <v>7</v>
      </c>
      <c r="D24" s="8" t="s">
        <v>7</v>
      </c>
      <c r="E24" s="8" t="s">
        <v>7</v>
      </c>
      <c r="F24" s="8" t="s">
        <v>7</v>
      </c>
      <c r="G24" s="8" t="s">
        <v>7</v>
      </c>
      <c r="H24" s="8" t="s">
        <v>7</v>
      </c>
      <c r="I24" s="8" t="s">
        <v>7</v>
      </c>
      <c r="J24" s="8" t="s">
        <v>7</v>
      </c>
      <c r="K24" s="8" t="s">
        <v>7</v>
      </c>
      <c r="L24" s="8" t="s">
        <v>7</v>
      </c>
      <c r="M24" s="8" t="s">
        <v>7</v>
      </c>
      <c r="N24" s="8" t="s">
        <v>7</v>
      </c>
      <c r="O24" s="8" t="s">
        <v>7</v>
      </c>
      <c r="P24" s="8" t="s">
        <v>7</v>
      </c>
    </row>
    <row r="25" spans="1:16" x14ac:dyDescent="0.2">
      <c r="A25" s="7" t="s">
        <v>52</v>
      </c>
      <c r="B25" s="7" t="s">
        <v>53</v>
      </c>
    </row>
  </sheetData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8"/>
  <sheetViews>
    <sheetView rightToLeft="1" workbookViewId="0"/>
  </sheetViews>
  <sheetFormatPr defaultRowHeight="14.25" x14ac:dyDescent="0.2"/>
  <cols>
    <col min="1" max="1" width="2" customWidth="1"/>
    <col min="2" max="2" width="34" customWidth="1"/>
    <col min="3" max="4" width="11" customWidth="1"/>
    <col min="5" max="7" width="10" customWidth="1"/>
    <col min="8" max="8" width="8" customWidth="1"/>
    <col min="9" max="9" width="10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1:13" x14ac:dyDescent="0.2">
      <c r="B1" s="7" t="s">
        <v>0</v>
      </c>
      <c r="C1" s="7" t="s">
        <v>1</v>
      </c>
    </row>
    <row r="2" spans="1:13" x14ac:dyDescent="0.2">
      <c r="B2" s="7" t="s">
        <v>2</v>
      </c>
      <c r="C2" s="7" t="s">
        <v>3</v>
      </c>
    </row>
    <row r="3" spans="1:13" x14ac:dyDescent="0.2">
      <c r="B3" s="7" t="s">
        <v>4</v>
      </c>
      <c r="C3" s="7" t="s">
        <v>5</v>
      </c>
    </row>
    <row r="4" spans="1:13" x14ac:dyDescent="0.2">
      <c r="B4" s="7" t="s">
        <v>6</v>
      </c>
      <c r="C4" s="7">
        <v>1476</v>
      </c>
    </row>
    <row r="5" spans="1:13" x14ac:dyDescent="0.2">
      <c r="B5" s="7" t="s">
        <v>7</v>
      </c>
      <c r="C5" s="7" t="s">
        <v>7</v>
      </c>
    </row>
    <row r="6" spans="1:13" x14ac:dyDescent="0.2">
      <c r="A6" s="1" t="s">
        <v>7</v>
      </c>
      <c r="B6" s="1" t="s">
        <v>9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1:13" x14ac:dyDescent="0.2">
      <c r="A7" s="1" t="s">
        <v>7</v>
      </c>
      <c r="B7" s="1" t="s">
        <v>251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1:13" x14ac:dyDescent="0.2">
      <c r="A8" s="1" t="s">
        <v>7</v>
      </c>
      <c r="B8" s="1" t="s">
        <v>55</v>
      </c>
      <c r="C8" s="1" t="s">
        <v>56</v>
      </c>
      <c r="D8" s="1" t="s">
        <v>93</v>
      </c>
      <c r="E8" s="1" t="s">
        <v>132</v>
      </c>
      <c r="F8" s="1" t="s">
        <v>60</v>
      </c>
      <c r="G8" s="1" t="s">
        <v>96</v>
      </c>
      <c r="H8" s="1" t="s">
        <v>97</v>
      </c>
      <c r="I8" s="1" t="s">
        <v>63</v>
      </c>
      <c r="J8" s="1" t="s">
        <v>99</v>
      </c>
      <c r="K8" s="1" t="s">
        <v>64</v>
      </c>
      <c r="L8" s="1" t="s">
        <v>100</v>
      </c>
      <c r="M8" s="1" t="s">
        <v>7</v>
      </c>
    </row>
    <row r="9" spans="1:13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02</v>
      </c>
      <c r="H9" s="1" t="s">
        <v>103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1:13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7</v>
      </c>
    </row>
    <row r="11" spans="1:13" x14ac:dyDescent="0.2">
      <c r="A11" s="8" t="s">
        <v>7</v>
      </c>
      <c r="B11" s="8" t="s">
        <v>252</v>
      </c>
      <c r="C11" s="8" t="s">
        <v>7</v>
      </c>
      <c r="D11" s="8" t="s">
        <v>7</v>
      </c>
      <c r="E11" s="8" t="s">
        <v>7</v>
      </c>
      <c r="F11" s="8" t="s">
        <v>7</v>
      </c>
      <c r="G11" s="10">
        <v>0</v>
      </c>
      <c r="H11" s="8" t="s">
        <v>7</v>
      </c>
      <c r="I11" s="10">
        <v>0</v>
      </c>
      <c r="J11" s="8" t="s">
        <v>7</v>
      </c>
      <c r="K11" s="9">
        <v>0</v>
      </c>
      <c r="L11" s="9">
        <v>0</v>
      </c>
      <c r="M11" s="8" t="s">
        <v>7</v>
      </c>
    </row>
    <row r="12" spans="1:13" x14ac:dyDescent="0.2">
      <c r="A12" s="3" t="s">
        <v>7</v>
      </c>
      <c r="B12" s="3" t="s">
        <v>253</v>
      </c>
      <c r="C12" s="3" t="s">
        <v>7</v>
      </c>
      <c r="D12" s="3" t="s">
        <v>7</v>
      </c>
      <c r="E12" s="3" t="s">
        <v>7</v>
      </c>
      <c r="F12" s="3" t="s">
        <v>7</v>
      </c>
      <c r="G12" s="12">
        <v>0</v>
      </c>
      <c r="H12" s="3" t="s">
        <v>7</v>
      </c>
      <c r="I12" s="12">
        <v>0</v>
      </c>
      <c r="J12" s="3" t="s">
        <v>7</v>
      </c>
      <c r="K12" s="11">
        <v>0</v>
      </c>
      <c r="L12" s="11">
        <v>0</v>
      </c>
      <c r="M12" s="3" t="s">
        <v>7</v>
      </c>
    </row>
    <row r="13" spans="1:13" x14ac:dyDescent="0.2">
      <c r="A13" s="3" t="s">
        <v>7</v>
      </c>
      <c r="B13" s="3" t="s">
        <v>254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3" t="s">
        <v>7</v>
      </c>
      <c r="J13" s="3" t="s">
        <v>7</v>
      </c>
      <c r="K13" s="3" t="s">
        <v>7</v>
      </c>
      <c r="L13" s="3" t="s">
        <v>7</v>
      </c>
      <c r="M13" s="3" t="s">
        <v>7</v>
      </c>
    </row>
    <row r="14" spans="1:13" x14ac:dyDescent="0.2">
      <c r="A14" s="3" t="s">
        <v>7</v>
      </c>
      <c r="B14" s="3" t="s">
        <v>141</v>
      </c>
      <c r="C14" s="3" t="s">
        <v>7</v>
      </c>
      <c r="D14" s="3" t="s">
        <v>7</v>
      </c>
      <c r="E14" s="3" t="s">
        <v>7</v>
      </c>
      <c r="F14" s="3" t="s">
        <v>7</v>
      </c>
      <c r="G14" s="12">
        <v>0</v>
      </c>
      <c r="H14" s="3" t="s">
        <v>7</v>
      </c>
      <c r="I14" s="12">
        <v>0</v>
      </c>
      <c r="J14" s="3" t="s">
        <v>7</v>
      </c>
      <c r="K14" s="11">
        <v>0</v>
      </c>
      <c r="L14" s="11">
        <v>0</v>
      </c>
      <c r="M14" s="3" t="s">
        <v>7</v>
      </c>
    </row>
    <row r="15" spans="1:13" x14ac:dyDescent="0.2">
      <c r="A15" s="3" t="s">
        <v>7</v>
      </c>
      <c r="B15" s="3" t="s">
        <v>255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3" t="s">
        <v>7</v>
      </c>
      <c r="I15" s="3" t="s">
        <v>7</v>
      </c>
      <c r="J15" s="3" t="s">
        <v>7</v>
      </c>
      <c r="K15" s="3" t="s">
        <v>7</v>
      </c>
      <c r="L15" s="3" t="s">
        <v>7</v>
      </c>
      <c r="M15" s="3" t="s">
        <v>7</v>
      </c>
    </row>
    <row r="16" spans="1:13" x14ac:dyDescent="0.2">
      <c r="A16" s="8" t="s">
        <v>7</v>
      </c>
      <c r="B16" s="8" t="s">
        <v>90</v>
      </c>
      <c r="C16" s="8" t="s">
        <v>7</v>
      </c>
      <c r="D16" s="8" t="s">
        <v>7</v>
      </c>
      <c r="E16" s="8" t="s">
        <v>7</v>
      </c>
      <c r="F16" s="8" t="s">
        <v>7</v>
      </c>
      <c r="G16" s="8" t="s">
        <v>7</v>
      </c>
      <c r="H16" s="8" t="s">
        <v>7</v>
      </c>
      <c r="I16" s="8" t="s">
        <v>7</v>
      </c>
      <c r="J16" s="8" t="s">
        <v>7</v>
      </c>
      <c r="K16" s="8" t="s">
        <v>7</v>
      </c>
      <c r="L16" s="8" t="s">
        <v>7</v>
      </c>
      <c r="M16" s="8" t="s">
        <v>7</v>
      </c>
    </row>
    <row r="17" spans="1:13" x14ac:dyDescent="0.2">
      <c r="A17" s="8" t="s">
        <v>7</v>
      </c>
      <c r="B17" s="8" t="s">
        <v>129</v>
      </c>
      <c r="C17" s="8" t="s">
        <v>7</v>
      </c>
      <c r="D17" s="8" t="s">
        <v>7</v>
      </c>
      <c r="E17" s="8" t="s">
        <v>7</v>
      </c>
      <c r="F17" s="8" t="s">
        <v>7</v>
      </c>
      <c r="G17" s="8" t="s">
        <v>7</v>
      </c>
      <c r="H17" s="8" t="s">
        <v>7</v>
      </c>
      <c r="I17" s="8" t="s">
        <v>7</v>
      </c>
      <c r="J17" s="8" t="s">
        <v>7</v>
      </c>
      <c r="K17" s="8" t="s">
        <v>7</v>
      </c>
      <c r="L17" s="8" t="s">
        <v>7</v>
      </c>
      <c r="M17" s="8" t="s">
        <v>7</v>
      </c>
    </row>
    <row r="18" spans="1:13" x14ac:dyDescent="0.2">
      <c r="A18" s="7" t="s">
        <v>52</v>
      </c>
      <c r="B18" s="7" t="s">
        <v>53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גליונות עבודה</vt:lpstr>
      </vt:variant>
      <vt:variant>
        <vt:i4>30</vt:i4>
      </vt:variant>
    </vt:vector>
  </HeadingPairs>
  <TitlesOfParts>
    <vt:vector size="30" baseType="lpstr">
      <vt:lpstr>סכום נכסי הקרן</vt:lpstr>
      <vt:lpstr>מזומנים</vt:lpstr>
      <vt:lpstr>תעודות התחייבות ממשלתיות</vt:lpstr>
      <vt:lpstr>תעודות חוב מסחריות</vt:lpstr>
      <vt:lpstr>אג"ח קונצרני</vt:lpstr>
      <vt:lpstr>מניות</vt:lpstr>
      <vt:lpstr>קרנות סל</vt:lpstr>
      <vt:lpstr>קרנות נאמנות</vt:lpstr>
      <vt:lpstr>כתבי אופציה</vt:lpstr>
      <vt:lpstr>אופציות</vt:lpstr>
      <vt:lpstr>חוזים עתידיים</vt:lpstr>
      <vt:lpstr>מוצרים מובנים</vt:lpstr>
      <vt:lpstr>לא סחיר - תעודות התחייבות ממשלת</vt:lpstr>
      <vt:lpstr>לא סחיר - תעודות חוב מסחריות</vt:lpstr>
      <vt:lpstr>לא סחיר - אג"ח קונצרני</vt:lpstr>
      <vt:lpstr>לא סחיר - מניות</vt:lpstr>
      <vt:lpstr>לא סחיר - קרנות השקעה</vt:lpstr>
      <vt:lpstr>לא סחיר - כתבי אופציה</vt:lpstr>
      <vt:lpstr>לא סחיר - אופציות</vt:lpstr>
      <vt:lpstr>לא סחיר - חוזים עתידיים</vt:lpstr>
      <vt:lpstr>לא סחיר - מוצרים מובנים</vt:lpstr>
      <vt:lpstr>הלוואות</vt:lpstr>
      <vt:lpstr>פקדונות מעל 3 חודשים</vt:lpstr>
      <vt:lpstr>זכויות מקרקעין</vt:lpstr>
      <vt:lpstr>השקעה בחברות מוחזקות</vt:lpstr>
      <vt:lpstr>השקעות אחרות</vt:lpstr>
      <vt:lpstr>יתרת התחייבות להשקעה</vt:lpstr>
      <vt:lpstr>עלות מתואמת אג"ח קונצרני סחיר</vt:lpstr>
      <vt:lpstr>עלות מתואמת אג"ח קונצרני ל.סחיר</vt:lpstr>
      <vt:lpstr>עלות מתואמת מסגרות אשראי ללווים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Pinhas Abramov</cp:lastModifiedBy>
  <dcterms:created xsi:type="dcterms:W3CDTF">2021-04-27T06:58:45Z</dcterms:created>
  <dcterms:modified xsi:type="dcterms:W3CDTF">2022-02-09T12:12:20Z</dcterms:modified>
</cp:coreProperties>
</file>